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427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13_ncr:1_{81ACE11E-AB97-46D4-A2BC-937C3DDFE3E5}" xr6:coauthVersionLast="47" xr6:coauthVersionMax="47" xr10:uidLastSave="{00000000-0000-0000-0000-000000000000}"/>
  <bookViews>
    <workbookView xWindow="-120" yWindow="-120" windowWidth="29040" windowHeight="15720" tabRatio="858" activeTab="1" xr2:uid="{00000000-000D-0000-FFFF-FFFF00000000}"/>
  </bookViews>
  <sheets>
    <sheet name="2021 Rookie Free-Agent Draft" sheetId="1" r:id="rId1"/>
    <sheet name="2021 Supplemental Draft" sheetId="2" r:id="rId2"/>
  </sheets>
  <calcPr calcId="191029" iterateDelta="1E-4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39" i="1" l="1"/>
  <c r="E39" i="1"/>
  <c r="Q7" i="1"/>
  <c r="Q39" i="1" l="1"/>
  <c r="I39" i="1"/>
  <c r="A39" i="1"/>
  <c r="M7" i="1"/>
  <c r="I7" i="1"/>
  <c r="E7" i="1"/>
</calcChain>
</file>

<file path=xl/sharedStrings.xml><?xml version="1.0" encoding="utf-8"?>
<sst xmlns="http://schemas.openxmlformats.org/spreadsheetml/2006/main" count="1279" uniqueCount="464">
  <si>
    <t xml:space="preserve">  Round 1</t>
  </si>
  <si>
    <t xml:space="preserve">  Round 2</t>
  </si>
  <si>
    <t xml:space="preserve">  Round 3</t>
  </si>
  <si>
    <t xml:space="preserve">  Round 7</t>
  </si>
  <si>
    <t>ATL</t>
  </si>
  <si>
    <t>GB</t>
  </si>
  <si>
    <t>SEA</t>
  </si>
  <si>
    <t>TEN</t>
  </si>
  <si>
    <t>PHI</t>
  </si>
  <si>
    <t>DAL</t>
  </si>
  <si>
    <t>NYG</t>
  </si>
  <si>
    <t>PIT</t>
  </si>
  <si>
    <t>Pick</t>
  </si>
  <si>
    <t>Owner</t>
  </si>
  <si>
    <t>TB</t>
  </si>
  <si>
    <t>BUF</t>
  </si>
  <si>
    <t xml:space="preserve">  Round 6</t>
  </si>
  <si>
    <t>DEN</t>
  </si>
  <si>
    <t>CIN</t>
  </si>
  <si>
    <t>DET</t>
  </si>
  <si>
    <t>KC</t>
  </si>
  <si>
    <t>IND</t>
  </si>
  <si>
    <t>BAL</t>
  </si>
  <si>
    <t>NE</t>
  </si>
  <si>
    <t>JAX</t>
  </si>
  <si>
    <t>LAR</t>
  </si>
  <si>
    <t>LAC</t>
  </si>
  <si>
    <t>Round 4</t>
  </si>
  <si>
    <t>Round 5</t>
  </si>
  <si>
    <t>Round 8</t>
  </si>
  <si>
    <t>Round 9</t>
  </si>
  <si>
    <t>Round 10</t>
  </si>
  <si>
    <t xml:space="preserve">  Round 4</t>
  </si>
  <si>
    <t>Drop</t>
  </si>
  <si>
    <t xml:space="preserve">  Round 5</t>
  </si>
  <si>
    <t>Round 7</t>
  </si>
  <si>
    <t>HOU</t>
  </si>
  <si>
    <t>CLE</t>
  </si>
  <si>
    <t>NYJ</t>
  </si>
  <si>
    <t>NO</t>
  </si>
  <si>
    <t>AZ</t>
  </si>
  <si>
    <t>SF</t>
  </si>
  <si>
    <t>2021 SEASON S28 ROOKIE/FREE-AGENT DRAFT</t>
  </si>
  <si>
    <t>LAV</t>
  </si>
  <si>
    <t>Official Draft Order</t>
  </si>
  <si>
    <t>1. 3:00pm ET -</t>
  </si>
  <si>
    <t>2. 3:10pm ET -</t>
  </si>
  <si>
    <t>3. 3:20pm ET -</t>
  </si>
  <si>
    <t>4. 3:30pm ET -</t>
  </si>
  <si>
    <t>5. 3:40pm ET -</t>
  </si>
  <si>
    <t>6. 3:50pm ET -</t>
  </si>
  <si>
    <t>7. 4:00pm ET -</t>
  </si>
  <si>
    <t>8. 4:10pm ET -</t>
  </si>
  <si>
    <t>9. 4:20pm ET -</t>
  </si>
  <si>
    <t>10.4:30pm ET -</t>
  </si>
  <si>
    <t>11.4:40pm ET -</t>
  </si>
  <si>
    <t>12.4:50pm ET -</t>
  </si>
  <si>
    <t>13.5:10pm ET -</t>
  </si>
  <si>
    <t>14.5:20pm ET -</t>
  </si>
  <si>
    <t>15.5:30pm ET -</t>
  </si>
  <si>
    <t>16.5:40pm ET -</t>
  </si>
  <si>
    <t>17.5:50pm ET  -</t>
  </si>
  <si>
    <t>18.6:00pm ET -</t>
  </si>
  <si>
    <t>19.6:10pm ET -</t>
  </si>
  <si>
    <t>20.6:20pm ET -</t>
  </si>
  <si>
    <t>21. 6:30pm ET -</t>
  </si>
  <si>
    <t>22. 6:40pm ET -</t>
  </si>
  <si>
    <t>23. 6:50pm ET -</t>
  </si>
  <si>
    <t>24. 7:00pm ET -</t>
  </si>
  <si>
    <t>25. 7:10pm ET -</t>
  </si>
  <si>
    <t>26. 7:20pm ET -</t>
  </si>
  <si>
    <t>27. 7:30pm ET -</t>
  </si>
  <si>
    <t xml:space="preserve">28. 7:40pm ET - </t>
  </si>
  <si>
    <t>1. 7:50pm ET -</t>
  </si>
  <si>
    <t>2. 8:00pm ET -</t>
  </si>
  <si>
    <t>3. 8:10pm ET -</t>
  </si>
  <si>
    <t>4. 8:20pm ET -</t>
  </si>
  <si>
    <t>5. 8:30pm ET -</t>
  </si>
  <si>
    <t>6. 8:40pm ET -</t>
  </si>
  <si>
    <t>7. 8:50pm ET -</t>
  </si>
  <si>
    <t>8. 9:00pm ET -</t>
  </si>
  <si>
    <t>9. 9:10pm ET -</t>
  </si>
  <si>
    <t>10.9:20pm ET -</t>
  </si>
  <si>
    <t>11.9:30pm ET -</t>
  </si>
  <si>
    <t>12.9:40pm ET -</t>
  </si>
  <si>
    <t>13.9:50pm ET -</t>
  </si>
  <si>
    <t>14.10:00pm ET -</t>
  </si>
  <si>
    <t>15.10:10pm ET -</t>
  </si>
  <si>
    <t>16.10:20pm ET -</t>
  </si>
  <si>
    <t>17.10:30pm ET  -</t>
  </si>
  <si>
    <t>18.10:40pm ET -</t>
  </si>
  <si>
    <t>19.10:50pm ET -</t>
  </si>
  <si>
    <t>20.11:00pm ET -</t>
  </si>
  <si>
    <t>21. 11:10pm ET -</t>
  </si>
  <si>
    <t>22. 11:20pm ET -</t>
  </si>
  <si>
    <t>23. 11:30pm ET -</t>
  </si>
  <si>
    <t>24. 11:40pm ET -</t>
  </si>
  <si>
    <t>25. 11:50pm ET -</t>
  </si>
  <si>
    <t>26. 12:00am ET -</t>
  </si>
  <si>
    <t>27. 12:10am ET -</t>
  </si>
  <si>
    <t xml:space="preserve">28. 12:20am ET - </t>
  </si>
  <si>
    <t xml:space="preserve">WAS </t>
  </si>
  <si>
    <t>WAS</t>
  </si>
  <si>
    <t>Lawrence, Trevor</t>
  </si>
  <si>
    <t>Jones, Mac</t>
  </si>
  <si>
    <t>Lance, Trey</t>
  </si>
  <si>
    <t>Parsons, Micah</t>
  </si>
  <si>
    <t>Chase, Ja'Marr</t>
  </si>
  <si>
    <t>Surtain II, Patrick</t>
  </si>
  <si>
    <t>Pitts, Kyle</t>
  </si>
  <si>
    <t>Holland, Jevon</t>
  </si>
  <si>
    <t>Smith, DeVonta</t>
  </si>
  <si>
    <t>Stokes, Eric</t>
  </si>
  <si>
    <t>Slater, Rashawn</t>
  </si>
  <si>
    <t>Sewell, Penei</t>
  </si>
  <si>
    <t>Humphrey, Creed</t>
  </si>
  <si>
    <t>Fields, Justin</t>
  </si>
  <si>
    <t>Mitchell, Elijah</t>
  </si>
  <si>
    <t>Wilson, Zach</t>
  </si>
  <si>
    <t>Moehrig, Trevon</t>
  </si>
  <si>
    <t>Owusu-Koramoah, Jeremiah</t>
  </si>
  <si>
    <t>Smith, Trey</t>
  </si>
  <si>
    <t>Darrisaw, Christian</t>
  </si>
  <si>
    <t>Rousseau, Greg</t>
  </si>
  <si>
    <t>Waddle, Jaylen</t>
  </si>
  <si>
    <t>Harris, Najee</t>
  </si>
  <si>
    <t>Williams, Javonte</t>
  </si>
  <si>
    <t>Werner, Pete</t>
  </si>
  <si>
    <t>Newsome II, Greg</t>
  </si>
  <si>
    <t>Phillips, Jaelan</t>
  </si>
  <si>
    <t>Moore, Elijah</t>
  </si>
  <si>
    <t>St. Brown, Amon-Ra</t>
  </si>
  <si>
    <t>Bolton, Nick</t>
  </si>
  <si>
    <t>Freiermuth, Pat</t>
  </si>
  <si>
    <t>Samuel Jr, Asante</t>
  </si>
  <si>
    <t>Jones, Ernest</t>
  </si>
  <si>
    <t>Paye, Kwity</t>
  </si>
  <si>
    <t>Stevenson, Rhamondre</t>
  </si>
  <si>
    <t>Ojulari, Azeez</t>
  </si>
  <si>
    <t>Oweh, Odafe</t>
  </si>
  <si>
    <t>Hobbs, Nate</t>
  </si>
  <si>
    <t>Mills, Davis</t>
  </si>
  <si>
    <t>Tryon-Shoyinka, Joe</t>
  </si>
  <si>
    <t>Bateman, Rashod</t>
  </si>
  <si>
    <t>Vera-Tucker, Alijah</t>
  </si>
  <si>
    <t>Carter II, Michael</t>
  </si>
  <si>
    <t>Nwangwu, Kene</t>
  </si>
  <si>
    <t>Adebo, Paulson</t>
  </si>
  <si>
    <t>Barmore, Christian</t>
  </si>
  <si>
    <t>Davis, Jamin</t>
  </si>
  <si>
    <t>Deablo, Divine</t>
  </si>
  <si>
    <t>Cosmi, Sam</t>
  </si>
  <si>
    <t>Brown, Spencer</t>
  </si>
  <si>
    <t>Collins, Zaven</t>
  </si>
  <si>
    <t>Taylor, Darrell</t>
  </si>
  <si>
    <t>Love, Jordan</t>
  </si>
  <si>
    <t>Dickerson, Landon</t>
  </si>
  <si>
    <t>Meinerz, Quinn</t>
  </si>
  <si>
    <t>Palmer, Josh</t>
  </si>
  <si>
    <t>Browning, Baron</t>
  </si>
  <si>
    <t>Moore, Rondale</t>
  </si>
  <si>
    <t>Toney, Kadarius</t>
  </si>
  <si>
    <t>Norton, Storm</t>
  </si>
  <si>
    <t>Collins, Nico</t>
  </si>
  <si>
    <t>Thomas, Tavierre</t>
  </si>
  <si>
    <t>Herbert, Khalil</t>
  </si>
  <si>
    <t>Edwards, Bryan</t>
  </si>
  <si>
    <t>Delpit, Grant</t>
  </si>
  <si>
    <t>Campbell, Tyson</t>
  </si>
  <si>
    <t>McNeill, Alim</t>
  </si>
  <si>
    <t>Rodgers, Amari</t>
  </si>
  <si>
    <t>Myers, Josh</t>
  </si>
  <si>
    <t>Bates, John</t>
  </si>
  <si>
    <t>Hubbard, Chuba</t>
  </si>
  <si>
    <t>Ogundeji, Adetokunbo</t>
  </si>
  <si>
    <t>Johnson, Josh</t>
  </si>
  <si>
    <t>Gainwell, Kenneth</t>
  </si>
  <si>
    <t>Eichenberg, Liam</t>
  </si>
  <si>
    <t>Schwartz, Anthony</t>
  </si>
  <si>
    <t>Cisco, Andre</t>
  </si>
  <si>
    <t>Hainsey, Robert</t>
  </si>
  <si>
    <t xml:space="preserve">28. 2:50pm ET - </t>
  </si>
  <si>
    <t>27. 2:40pm ET -</t>
  </si>
  <si>
    <t>26. 2:30pm ET -</t>
  </si>
  <si>
    <t>25. 2:20pm ET -</t>
  </si>
  <si>
    <t>24. 2:10pm ET -</t>
  </si>
  <si>
    <t>Huntley, Tyler</t>
  </si>
  <si>
    <t>Griffith, Jonas</t>
  </si>
  <si>
    <t>Grant, Richie</t>
  </si>
  <si>
    <t>Johnson, Juwan</t>
  </si>
  <si>
    <t>Turner, Payton</t>
  </si>
  <si>
    <t>Woods, Al</t>
  </si>
  <si>
    <t>Hufanga, Talanoa</t>
  </si>
  <si>
    <t>McPherson, Evan</t>
  </si>
  <si>
    <t>Leatherwood, Alex</t>
  </si>
  <si>
    <t>Joseph, Kelvin</t>
  </si>
  <si>
    <t>Newman, Royce</t>
  </si>
  <si>
    <t>Christian, Geron</t>
  </si>
  <si>
    <t>Atwell, Tutu</t>
  </si>
  <si>
    <t>Wilson, Marco</t>
  </si>
  <si>
    <t>Christensen, Brady</t>
  </si>
  <si>
    <t>Hilliard, Dontrell</t>
  </si>
  <si>
    <t>McDowell, Malik</t>
  </si>
  <si>
    <t>Watkins, Quez</t>
  </si>
  <si>
    <t>Tremble, Tommy</t>
  </si>
  <si>
    <t>Mayfield, Jalen</t>
  </si>
  <si>
    <t>Barnes, Derrick</t>
  </si>
  <si>
    <t>Robinson, Aaron</t>
  </si>
  <si>
    <t>Scott, Nick</t>
  </si>
  <si>
    <t>Lawrence, Rashard</t>
  </si>
  <si>
    <t>Molden, Elijah</t>
  </si>
  <si>
    <t>Bryant, Austin</t>
  </si>
  <si>
    <t>Williams, Milton</t>
  </si>
  <si>
    <t>Jordan, Brevin</t>
  </si>
  <si>
    <t>Banks, Aaron</t>
  </si>
  <si>
    <t>Benjamin, Eno</t>
  </si>
  <si>
    <t>Radunz, Dillon</t>
  </si>
  <si>
    <t>Gillikin, Blake</t>
  </si>
  <si>
    <t>Little, Walker</t>
  </si>
  <si>
    <t>Evans, Chris</t>
  </si>
  <si>
    <t>Odighizuwa, Osa</t>
  </si>
  <si>
    <t>Moore Jr., Dan</t>
  </si>
  <si>
    <t>Deguara, Josiah</t>
  </si>
  <si>
    <t>Stevenson, Marquez</t>
  </si>
  <si>
    <t>Sermon, Trey</t>
  </si>
  <si>
    <t>Carman, Jackson</t>
  </si>
  <si>
    <t>Hill, Trey</t>
  </si>
  <si>
    <t>Onwuzurike, Levi</t>
  </si>
  <si>
    <t>Wallow, Garret</t>
  </si>
  <si>
    <t>Chandler, Sean</t>
  </si>
  <si>
    <t>Marshall Jr, Terrace</t>
  </si>
  <si>
    <t>Humphrey, Lil'Jordan</t>
  </si>
  <si>
    <t>Felton, Demetric</t>
  </si>
  <si>
    <t>Jenkins, Teven</t>
  </si>
  <si>
    <t>Winston Jr., Easop</t>
  </si>
  <si>
    <t>Jacobs, Jerry</t>
  </si>
  <si>
    <t>Melifonwu, Ifeatu</t>
  </si>
  <si>
    <t>Hopkins, Brycen</t>
  </si>
  <si>
    <t>Odeyingbo, Dayo</t>
  </si>
  <si>
    <t>Basham, Boogie</t>
  </si>
  <si>
    <t>Lopez, Roy</t>
  </si>
  <si>
    <t>Green, Kendrick</t>
  </si>
  <si>
    <t>Graham, Ta'Quon</t>
  </si>
  <si>
    <t>Borom, Larry</t>
  </si>
  <si>
    <t>Lenoir, Deommodore</t>
  </si>
  <si>
    <t>Westbrook-Ikhin, Nick</t>
  </si>
  <si>
    <t>Brown, Dyami</t>
  </si>
  <si>
    <t>Rumph II, Chris</t>
  </si>
  <si>
    <t>Gilliam, Reggie</t>
  </si>
  <si>
    <t>Rochell, Robert</t>
  </si>
  <si>
    <t>Roche, Quincy</t>
  </si>
  <si>
    <t>Bynum, Camryn</t>
  </si>
  <si>
    <t>Thomas, Ambry</t>
  </si>
  <si>
    <t>Reynolds, Craig</t>
  </si>
  <si>
    <t>Woerner, Charlie</t>
  </si>
  <si>
    <t>Jones Jr., Tony</t>
  </si>
  <si>
    <t>Book, Ian</t>
  </si>
  <si>
    <t>Koonce, Malcolm</t>
  </si>
  <si>
    <t>Rush, Anthony</t>
  </si>
  <si>
    <t>Gore, Derrick</t>
  </si>
  <si>
    <t>Owens, Jonathan</t>
  </si>
  <si>
    <t>Patterson, Riley</t>
  </si>
  <si>
    <t>Sendejo, Andrew</t>
  </si>
  <si>
    <t>Smith, Shi</t>
  </si>
  <si>
    <t>Bolden, Brandon</t>
  </si>
  <si>
    <t>Newsome, Dazz</t>
  </si>
  <si>
    <t>Lotulelei, Star</t>
  </si>
  <si>
    <t>Niemann, Nick</t>
  </si>
  <si>
    <t>Williams, Avery</t>
  </si>
  <si>
    <t>Joseph, Greg</t>
  </si>
  <si>
    <t>Stallworth, Taylor</t>
  </si>
  <si>
    <t>Dalman, Drew</t>
  </si>
  <si>
    <t>Loudermilk, Isaiahh</t>
  </si>
  <si>
    <t>Rice, Monty</t>
  </si>
  <si>
    <t>Mann, Braden</t>
  </si>
  <si>
    <t>Wilcox, Mitchell</t>
  </si>
  <si>
    <t>Eskridge, Dee</t>
  </si>
  <si>
    <t>Rush, Cooper</t>
  </si>
  <si>
    <t>Siemian, Trevor</t>
  </si>
  <si>
    <t>Jackson, Tarron</t>
  </si>
  <si>
    <t>Darden, Jaelon</t>
  </si>
  <si>
    <t>Jennings, Jauan</t>
  </si>
  <si>
    <t>Taylor, Davion</t>
  </si>
  <si>
    <t>Harlow, Sean</t>
  </si>
  <si>
    <t>Cotton Sr, Lester</t>
  </si>
  <si>
    <t>Patterson, Jaret</t>
  </si>
  <si>
    <t>Toney, Shaka</t>
  </si>
  <si>
    <t>Maher, Brett</t>
  </si>
  <si>
    <t>Pinion, Bradley</t>
  </si>
  <si>
    <t>Smith-Marsette, Ihmir</t>
  </si>
  <si>
    <t>Sherwood, Jamien</t>
  </si>
  <si>
    <t>Martin, Sam</t>
  </si>
  <si>
    <t>Elliss, Kaden</t>
  </si>
  <si>
    <t>Cleveland, Ben</t>
  </si>
  <si>
    <t>Woodside, Logan</t>
  </si>
  <si>
    <t>Mondeaux, Henry</t>
  </si>
  <si>
    <t>Robertson, Amik</t>
  </si>
  <si>
    <t>Williams, P.J.</t>
  </si>
  <si>
    <t>Phillips, Jacob</t>
  </si>
  <si>
    <t>Williams, Ty'son</t>
  </si>
  <si>
    <t>Brown III, Bobby</t>
  </si>
  <si>
    <t>Igwebuike, Godwin</t>
  </si>
  <si>
    <t>Anderson, Stephen</t>
  </si>
  <si>
    <t>Bush, Deon</t>
  </si>
  <si>
    <t>Granson, Kylen</t>
  </si>
  <si>
    <t>Jones II, Patrick</t>
  </si>
  <si>
    <t>Copeland, Marquise</t>
  </si>
  <si>
    <t>Parkinson, Colby</t>
  </si>
  <si>
    <t>Pruitt, MyCole</t>
  </si>
  <si>
    <t>Echols, Brandin</t>
  </si>
  <si>
    <t>Saubert, Eric</t>
  </si>
  <si>
    <t>Bryant, Myles</t>
  </si>
  <si>
    <t>Pineiro, Eddy</t>
  </si>
  <si>
    <t>Slaton, T.J.</t>
  </si>
  <si>
    <t>McPhearson, Zech</t>
  </si>
  <si>
    <t>Wright, Brock</t>
  </si>
  <si>
    <t>Heck, Charlie</t>
  </si>
  <si>
    <t>Quarterman, Shaquille</t>
  </si>
  <si>
    <t>Deayon, Dont'e</t>
  </si>
  <si>
    <t>Bell, Blake</t>
  </si>
  <si>
    <t>Opeta, Iosua</t>
  </si>
  <si>
    <t>Collins, Alex</t>
  </si>
  <si>
    <t>Ogbongbemiga, Amen</t>
  </si>
  <si>
    <t>Skowronek, Ben</t>
  </si>
  <si>
    <t>Moore, Jaylon</t>
  </si>
  <si>
    <t>Sample, Cameron</t>
  </si>
  <si>
    <t>Stone, Geno</t>
  </si>
  <si>
    <t>Taylor, Patrick</t>
  </si>
  <si>
    <t>Marlowe, Dean</t>
  </si>
  <si>
    <t>Haynes, Phil</t>
  </si>
  <si>
    <t>Stuard, Grant</t>
  </si>
  <si>
    <t>Hanson, Jake</t>
  </si>
  <si>
    <t>Farniok, Matt</t>
  </si>
  <si>
    <t>Rountree III, Larry</t>
  </si>
  <si>
    <t>Brandel, Blake</t>
  </si>
  <si>
    <t>Board, C.J.</t>
  </si>
  <si>
    <t>Morrissey, Jimmy</t>
  </si>
  <si>
    <t>Pinnock, Jason</t>
  </si>
  <si>
    <t>Wesley, Antoine</t>
  </si>
  <si>
    <t>Jackson, AJ</t>
  </si>
  <si>
    <t>McCollum, Ryan</t>
  </si>
  <si>
    <t>Zylstra, Brandon</t>
  </si>
  <si>
    <t>Golston, Chauncey</t>
  </si>
  <si>
    <t>Bohanna, Quinton</t>
  </si>
  <si>
    <t>Killebrew, Miles</t>
  </si>
  <si>
    <t>Desir, Pierre</t>
  </si>
  <si>
    <t>Turner, Malik</t>
  </si>
  <si>
    <t>Throckmorton, Calvin</t>
  </si>
  <si>
    <t>Smith, Elerson</t>
  </si>
  <si>
    <t>Hill, Kylin</t>
  </si>
  <si>
    <t>Jackson, Tyree</t>
  </si>
  <si>
    <t>Niang, Lucas</t>
  </si>
  <si>
    <t>Sweeney, Tommy</t>
  </si>
  <si>
    <t>Sterns, Caden</t>
  </si>
  <si>
    <t>Bojorquez, Corey</t>
  </si>
  <si>
    <t>Williams, Trayveon</t>
  </si>
  <si>
    <t>Cooper, Jonathon</t>
  </si>
  <si>
    <t>Fromm, Jake</t>
  </si>
  <si>
    <t>Jaimes, Brenden</t>
  </si>
  <si>
    <t>Strnad, Justin</t>
  </si>
  <si>
    <t>White, Mike</t>
  </si>
  <si>
    <t>Togiai, Tommy</t>
  </si>
  <si>
    <t>Stephens, Brandon</t>
  </si>
  <si>
    <t>Cajuste, Yodny</t>
  </si>
  <si>
    <t>Tonga, Khyiris</t>
  </si>
  <si>
    <t>Hudson III, James</t>
  </si>
  <si>
    <t>Washington Jr., Broderick</t>
  </si>
  <si>
    <t>Norwood, Tre</t>
  </si>
  <si>
    <t>Mone, Bryan</t>
  </si>
  <si>
    <t>Stoll, Jack</t>
  </si>
  <si>
    <t>Johnson, Patrick</t>
  </si>
  <si>
    <t>Toohill, Casey</t>
  </si>
  <si>
    <t>Oliver, Josh</t>
  </si>
  <si>
    <t>Jean-Charles, Shemar</t>
  </si>
  <si>
    <t>Jones, Naquan</t>
  </si>
  <si>
    <t>Hodge, KhaDarel</t>
  </si>
  <si>
    <t>Smith, D'Ante</t>
  </si>
  <si>
    <t>Zimmer, Justin</t>
  </si>
  <si>
    <t>Boyle, Tim</t>
  </si>
  <si>
    <t>Eason, Jacob</t>
  </si>
  <si>
    <t>Tuipulotu, Marlon</t>
  </si>
  <si>
    <t>O'Connor, Patrick</t>
  </si>
  <si>
    <t>Toth, Brett</t>
  </si>
  <si>
    <t>Hasty, JaMycal</t>
  </si>
  <si>
    <t>Brown, Tre</t>
  </si>
  <si>
    <t>Nixon, Daviyon</t>
  </si>
  <si>
    <t>Fries, Will</t>
  </si>
  <si>
    <t>Scharping, Max</t>
  </si>
  <si>
    <t>Compton, Will</t>
  </si>
  <si>
    <t>N/A</t>
  </si>
  <si>
    <t>Garvin, Jonathan</t>
  </si>
  <si>
    <t>Amendola, Danny</t>
  </si>
  <si>
    <t>Phillips, Tyre</t>
  </si>
  <si>
    <t>Carrie, T.J.</t>
  </si>
  <si>
    <t>Willekes, Kenny</t>
  </si>
  <si>
    <t>Borders, Breon</t>
  </si>
  <si>
    <t>Martin, Nick</t>
  </si>
  <si>
    <t>Doyle, Tommy</t>
  </si>
  <si>
    <t>King, Kevin</t>
  </si>
  <si>
    <t>Pennel, Mike</t>
  </si>
  <si>
    <t>Hance, Blake</t>
  </si>
  <si>
    <t>Johnson, Fred</t>
  </si>
  <si>
    <t>Agim, McTelvin</t>
  </si>
  <si>
    <t>Downs, Devante</t>
  </si>
  <si>
    <t>Van Lanen, Cole</t>
  </si>
  <si>
    <t>McLendon, Steve</t>
  </si>
  <si>
    <t>Matakevich, Tyler</t>
  </si>
  <si>
    <t>Harris, De'Jon</t>
  </si>
  <si>
    <t>Hoecht, Michael</t>
  </si>
  <si>
    <t>Davis, Carl</t>
  </si>
  <si>
    <t>Elflein, Pat</t>
  </si>
  <si>
    <t>Gaillard, Lamont</t>
  </si>
  <si>
    <t>Galeai, Tipa</t>
  </si>
  <si>
    <t>Lee, Elijah</t>
  </si>
  <si>
    <t>Tecklenburg, Sam</t>
  </si>
  <si>
    <t>Lawson, Nevin</t>
  </si>
  <si>
    <t>Hoskins, Phil</t>
  </si>
  <si>
    <t>Williams, Raequan</t>
  </si>
  <si>
    <t>Gotsis, Adam</t>
  </si>
  <si>
    <t>Covington, Christian</t>
  </si>
  <si>
    <t>Thurman, Nick</t>
  </si>
  <si>
    <t>Smith, Jaylon</t>
  </si>
  <si>
    <t>Short, Kawann</t>
  </si>
  <si>
    <t>Fackrell, Kyler</t>
  </si>
  <si>
    <t>Evans, Jordan</t>
  </si>
  <si>
    <t>Aboushi, Oday</t>
  </si>
  <si>
    <t>McCray, Justin</t>
  </si>
  <si>
    <t>Taylor, Lane</t>
  </si>
  <si>
    <t>Kraemer, Tommy</t>
  </si>
  <si>
    <t>Young, Landon</t>
  </si>
  <si>
    <t>Shaheen, Adam</t>
  </si>
  <si>
    <t>Middleton, Doug</t>
  </si>
  <si>
    <t>Wanogho, Prince Tega</t>
  </si>
  <si>
    <t>Woods, Josh</t>
  </si>
  <si>
    <t>Breeland, Bashaud</t>
  </si>
  <si>
    <t>Vallejo, Tanner</t>
  </si>
  <si>
    <t>Stinnie, Aaron</t>
  </si>
  <si>
    <t>Joeckel, Luke</t>
  </si>
  <si>
    <t>McDonald, Vance</t>
  </si>
  <si>
    <t>Saunders, Khalen</t>
  </si>
  <si>
    <t>Hayden, D.J.</t>
  </si>
  <si>
    <t>Erving, Cam</t>
  </si>
  <si>
    <t>Gaines, Phillip</t>
  </si>
  <si>
    <t>Williams, Shawn</t>
  </si>
  <si>
    <t>Hinton, Kendall</t>
  </si>
  <si>
    <t>Dogbe, Michael</t>
  </si>
  <si>
    <t>Taylor, Vincent</t>
  </si>
  <si>
    <t>Odum, George</t>
  </si>
  <si>
    <t>Moreland, Jimmy</t>
  </si>
  <si>
    <t>Bradley-King, William</t>
  </si>
  <si>
    <t>Williams, Preston</t>
  </si>
  <si>
    <t>Brown, Deonte</t>
  </si>
  <si>
    <t>Wells, Josh</t>
  </si>
  <si>
    <t>Willis, Khari</t>
  </si>
  <si>
    <t>Riley, Elijah</t>
  </si>
  <si>
    <t>Neal, Siran</t>
  </si>
  <si>
    <t>Hand, Harrison</t>
  </si>
  <si>
    <t>Thomas, Daniel</t>
  </si>
  <si>
    <t>Roach, Malcolm</t>
  </si>
  <si>
    <t>Gabbert, Blaine</t>
  </si>
  <si>
    <t>Nabers, Gabe</t>
  </si>
  <si>
    <t>Johnson, Alexander</t>
  </si>
  <si>
    <t>Williams, Jonah C.</t>
  </si>
  <si>
    <t>Alexander, Mackens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-F800]dddd\,\ mmmm\ dd\,\ yyyy"/>
    <numFmt numFmtId="165" formatCode="[$-409]mmmm\ d\,\ yyyy;@"/>
  </numFmts>
  <fonts count="23" x14ac:knownFonts="1">
    <font>
      <sz val="10"/>
      <name val="Arial"/>
    </font>
    <font>
      <sz val="10"/>
      <name val="Arial"/>
      <family val="2"/>
    </font>
    <font>
      <b/>
      <u/>
      <sz val="16"/>
      <name val="Arial"/>
      <family val="2"/>
    </font>
    <font>
      <sz val="10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0"/>
      <name val="Arial"/>
      <family val="2"/>
    </font>
    <font>
      <b/>
      <sz val="10"/>
      <name val="Arial"/>
      <family val="2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</fills>
  <borders count="10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</borders>
  <cellStyleXfs count="48">
    <xf numFmtId="0" fontId="0" fillId="0" borderId="0"/>
    <xf numFmtId="0" fontId="4" fillId="2" borderId="0" applyNumberFormat="0" applyBorder="0" applyAlignment="0" applyProtection="0"/>
    <xf numFmtId="0" fontId="4" fillId="3" borderId="0" applyNumberFormat="0" applyBorder="0" applyAlignment="0" applyProtection="0"/>
    <xf numFmtId="0" fontId="4" fillId="4" borderId="0" applyNumberFormat="0" applyBorder="0" applyAlignment="0" applyProtection="0"/>
    <xf numFmtId="0" fontId="4" fillId="5" borderId="0" applyNumberFormat="0" applyBorder="0" applyAlignment="0" applyProtection="0"/>
    <xf numFmtId="0" fontId="4" fillId="6" borderId="0" applyNumberFormat="0" applyBorder="0" applyAlignment="0" applyProtection="0"/>
    <xf numFmtId="0" fontId="4" fillId="7" borderId="0" applyNumberFormat="0" applyBorder="0" applyAlignment="0" applyProtection="0"/>
    <xf numFmtId="0" fontId="4" fillId="8" borderId="0" applyNumberFormat="0" applyBorder="0" applyAlignment="0" applyProtection="0"/>
    <xf numFmtId="0" fontId="4" fillId="9" borderId="0" applyNumberFormat="0" applyBorder="0" applyAlignment="0" applyProtection="0"/>
    <xf numFmtId="0" fontId="4" fillId="10" borderId="0" applyNumberFormat="0" applyBorder="0" applyAlignment="0" applyProtection="0"/>
    <xf numFmtId="0" fontId="4" fillId="5" borderId="0" applyNumberFormat="0" applyBorder="0" applyAlignment="0" applyProtection="0"/>
    <xf numFmtId="0" fontId="4" fillId="8" borderId="0" applyNumberFormat="0" applyBorder="0" applyAlignment="0" applyProtection="0"/>
    <xf numFmtId="0" fontId="4" fillId="11" borderId="0" applyNumberFormat="0" applyBorder="0" applyAlignment="0" applyProtection="0"/>
    <xf numFmtId="0" fontId="5" fillId="12" borderId="0" applyNumberFormat="0" applyBorder="0" applyAlignment="0" applyProtection="0"/>
    <xf numFmtId="0" fontId="5" fillId="9" borderId="0" applyNumberFormat="0" applyBorder="0" applyAlignment="0" applyProtection="0"/>
    <xf numFmtId="0" fontId="5" fillId="10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5" borderId="0" applyNumberFormat="0" applyBorder="0" applyAlignment="0" applyProtection="0"/>
    <xf numFmtId="0" fontId="5" fillId="16" borderId="0" applyNumberFormat="0" applyBorder="0" applyAlignment="0" applyProtection="0"/>
    <xf numFmtId="0" fontId="5" fillId="17" borderId="0" applyNumberFormat="0" applyBorder="0" applyAlignment="0" applyProtection="0"/>
    <xf numFmtId="0" fontId="5" fillId="18" borderId="0" applyNumberFormat="0" applyBorder="0" applyAlignment="0" applyProtection="0"/>
    <xf numFmtId="0" fontId="5" fillId="13" borderId="0" applyNumberFormat="0" applyBorder="0" applyAlignment="0" applyProtection="0"/>
    <xf numFmtId="0" fontId="5" fillId="14" borderId="0" applyNumberFormat="0" applyBorder="0" applyAlignment="0" applyProtection="0"/>
    <xf numFmtId="0" fontId="5" fillId="19" borderId="0" applyNumberFormat="0" applyBorder="0" applyAlignment="0" applyProtection="0"/>
    <xf numFmtId="0" fontId="6" fillId="3" borderId="0" applyNumberFormat="0" applyBorder="0" applyAlignment="0" applyProtection="0"/>
    <xf numFmtId="0" fontId="7" fillId="20" borderId="1" applyNumberFormat="0" applyAlignment="0" applyProtection="0"/>
    <xf numFmtId="0" fontId="8" fillId="21" borderId="2" applyNumberFormat="0" applyAlignment="0" applyProtection="0"/>
    <xf numFmtId="0" fontId="9" fillId="0" borderId="0" applyNumberFormat="0" applyFill="0" applyBorder="0" applyAlignment="0" applyProtection="0"/>
    <xf numFmtId="0" fontId="10" fillId="4" borderId="0" applyNumberFormat="0" applyBorder="0" applyAlignment="0" applyProtection="0"/>
    <xf numFmtId="0" fontId="11" fillId="0" borderId="3" applyNumberFormat="0" applyFill="0" applyAlignment="0" applyProtection="0"/>
    <xf numFmtId="0" fontId="12" fillId="0" borderId="4" applyNumberFormat="0" applyFill="0" applyAlignment="0" applyProtection="0"/>
    <xf numFmtId="0" fontId="13" fillId="0" borderId="5" applyNumberFormat="0" applyFill="0" applyAlignment="0" applyProtection="0"/>
    <xf numFmtId="0" fontId="13" fillId="0" borderId="0" applyNumberFormat="0" applyFill="0" applyBorder="0" applyAlignment="0" applyProtection="0"/>
    <xf numFmtId="0" fontId="14" fillId="7" borderId="1" applyNumberFormat="0" applyAlignment="0" applyProtection="0"/>
    <xf numFmtId="0" fontId="15" fillId="0" borderId="6" applyNumberFormat="0" applyFill="0" applyAlignment="0" applyProtection="0"/>
    <xf numFmtId="0" fontId="16" fillId="22" borderId="0" applyNumberFormat="0" applyBorder="0" applyAlignment="0" applyProtection="0"/>
    <xf numFmtId="0" fontId="3" fillId="0" borderId="0"/>
    <xf numFmtId="0" fontId="3" fillId="0" borderId="0"/>
    <xf numFmtId="0" fontId="21" fillId="0" borderId="0"/>
    <xf numFmtId="0" fontId="3" fillId="0" borderId="0"/>
    <xf numFmtId="0" fontId="1" fillId="23" borderId="7" applyNumberFormat="0" applyFont="0" applyAlignment="0" applyProtection="0"/>
    <xf numFmtId="0" fontId="3" fillId="23" borderId="7" applyNumberFormat="0" applyFont="0" applyAlignment="0" applyProtection="0"/>
    <xf numFmtId="0" fontId="17" fillId="20" borderId="8" applyNumberFormat="0" applyAlignment="0" applyProtection="0"/>
    <xf numFmtId="0" fontId="18" fillId="0" borderId="0" applyNumberFormat="0" applyFill="0" applyBorder="0" applyAlignment="0" applyProtection="0"/>
    <xf numFmtId="0" fontId="19" fillId="0" borderId="9" applyNumberFormat="0" applyFill="0" applyAlignment="0" applyProtection="0"/>
    <xf numFmtId="0" fontId="20" fillId="0" borderId="0" applyNumberFormat="0" applyFill="0" applyBorder="0" applyAlignment="0" applyProtection="0"/>
    <xf numFmtId="0" fontId="1" fillId="0" borderId="0"/>
  </cellStyleXfs>
  <cellXfs count="26">
    <xf numFmtId="0" fontId="0" fillId="0" borderId="0" xfId="0"/>
    <xf numFmtId="0" fontId="0" fillId="0" borderId="0" xfId="0" applyAlignment="1">
      <alignment horizontal="center"/>
    </xf>
    <xf numFmtId="0" fontId="2" fillId="0" borderId="0" xfId="0" applyFont="1" applyAlignment="1">
      <alignment horizontal="center"/>
    </xf>
    <xf numFmtId="0" fontId="3" fillId="0" borderId="0" xfId="0" applyFont="1"/>
    <xf numFmtId="0" fontId="0" fillId="0" borderId="0" xfId="0" applyAlignment="1">
      <alignment horizontal="left"/>
    </xf>
    <xf numFmtId="0" fontId="3" fillId="0" borderId="0" xfId="0" applyFont="1" applyAlignment="1">
      <alignment horizontal="left"/>
    </xf>
    <xf numFmtId="0" fontId="3" fillId="0" borderId="0" xfId="37"/>
    <xf numFmtId="49" fontId="3" fillId="0" borderId="0" xfId="0" applyNumberFormat="1" applyFont="1" applyAlignment="1">
      <alignment horizontal="center"/>
    </xf>
    <xf numFmtId="0" fontId="3" fillId="0" borderId="0" xfId="37" applyAlignment="1">
      <alignment horizontal="left"/>
    </xf>
    <xf numFmtId="0" fontId="3" fillId="0" borderId="0" xfId="38"/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165" fontId="0" fillId="0" borderId="0" xfId="0" applyNumberFormat="1" applyAlignment="1">
      <alignment horizontal="center"/>
    </xf>
    <xf numFmtId="165" fontId="3" fillId="0" borderId="0" xfId="0" applyNumberFormat="1" applyFont="1"/>
    <xf numFmtId="164" fontId="3" fillId="0" borderId="0" xfId="0" applyNumberFormat="1" applyFont="1"/>
    <xf numFmtId="49" fontId="0" fillId="0" borderId="0" xfId="0" applyNumberFormat="1"/>
    <xf numFmtId="49" fontId="0" fillId="0" borderId="0" xfId="0" applyNumberFormat="1" applyAlignment="1">
      <alignment vertical="center"/>
    </xf>
    <xf numFmtId="49" fontId="3" fillId="0" borderId="0" xfId="0" applyNumberFormat="1" applyFont="1"/>
    <xf numFmtId="49" fontId="22" fillId="0" borderId="0" xfId="0" applyNumberFormat="1" applyFont="1"/>
    <xf numFmtId="49" fontId="1" fillId="0" borderId="0" xfId="0" applyNumberFormat="1" applyFont="1"/>
    <xf numFmtId="49" fontId="1" fillId="0" borderId="0" xfId="0" applyNumberFormat="1" applyFont="1" applyAlignment="1">
      <alignment horizontal="center"/>
    </xf>
    <xf numFmtId="0" fontId="1" fillId="0" borderId="0" xfId="0" applyFont="1" applyAlignment="1">
      <alignment horizontal="left"/>
    </xf>
    <xf numFmtId="0" fontId="1" fillId="0" borderId="0" xfId="0" applyFont="1"/>
    <xf numFmtId="0" fontId="1" fillId="0" borderId="0" xfId="47" applyAlignment="1">
      <alignment horizontal="left"/>
    </xf>
    <xf numFmtId="0" fontId="1" fillId="0" borderId="0" xfId="47"/>
    <xf numFmtId="0" fontId="1" fillId="0" borderId="0" xfId="37" applyFont="1"/>
  </cellXfs>
  <cellStyles count="48">
    <cellStyle name="20% - Accent1" xfId="1" builtinId="30" customBuiltin="1"/>
    <cellStyle name="20% - Accent2" xfId="2" builtinId="34" customBuiltin="1"/>
    <cellStyle name="20% - Accent3" xfId="3" builtinId="38" customBuiltin="1"/>
    <cellStyle name="20% - Accent4" xfId="4" builtinId="42" customBuiltin="1"/>
    <cellStyle name="20% - Accent5" xfId="5" builtinId="46" customBuiltin="1"/>
    <cellStyle name="20% - Accent6" xfId="6" builtinId="50" customBuiltin="1"/>
    <cellStyle name="40% - Accent1" xfId="7" builtinId="31" customBuiltin="1"/>
    <cellStyle name="40% - Accent2" xfId="8" builtinId="35" customBuiltin="1"/>
    <cellStyle name="40% - Accent3" xfId="9" builtinId="39" customBuiltin="1"/>
    <cellStyle name="40% - Accent4" xfId="10" builtinId="43" customBuiltin="1"/>
    <cellStyle name="40% - Accent5" xfId="11" builtinId="47" customBuiltin="1"/>
    <cellStyle name="40% - Accent6" xfId="12" builtinId="51" customBuiltin="1"/>
    <cellStyle name="60% - Accent1" xfId="13" builtinId="32" customBuiltin="1"/>
    <cellStyle name="60% - Accent2" xfId="14" builtinId="36" customBuiltin="1"/>
    <cellStyle name="60% - Accent3" xfId="15" builtinId="40" customBuiltin="1"/>
    <cellStyle name="60% - Accent4" xfId="16" builtinId="44" customBuiltin="1"/>
    <cellStyle name="60% - Accent5" xfId="17" builtinId="48" customBuiltin="1"/>
    <cellStyle name="60% - Accent6" xfId="18" builtinId="52" customBuiltin="1"/>
    <cellStyle name="Accent1" xfId="19" builtinId="29" customBuiltin="1"/>
    <cellStyle name="Accent2" xfId="20" builtinId="33" customBuiltin="1"/>
    <cellStyle name="Accent3" xfId="21" builtinId="37" customBuiltin="1"/>
    <cellStyle name="Accent4" xfId="22" builtinId="41" customBuiltin="1"/>
    <cellStyle name="Accent5" xfId="23" builtinId="45" customBuiltin="1"/>
    <cellStyle name="Accent6" xfId="24" builtinId="49" customBuiltin="1"/>
    <cellStyle name="Bad" xfId="25" builtinId="27" customBuiltin="1"/>
    <cellStyle name="Calculation" xfId="26" builtinId="22" customBuiltin="1"/>
    <cellStyle name="Check Cell" xfId="27" builtinId="23" customBuiltin="1"/>
    <cellStyle name="Explanatory Text" xfId="28" builtinId="53" customBuiltin="1"/>
    <cellStyle name="Good" xfId="29" builtinId="26" customBuiltin="1"/>
    <cellStyle name="Heading 1" xfId="30" builtinId="16" customBuiltin="1"/>
    <cellStyle name="Heading 2" xfId="31" builtinId="17" customBuiltin="1"/>
    <cellStyle name="Heading 3" xfId="32" builtinId="18" customBuiltin="1"/>
    <cellStyle name="Heading 4" xfId="33" builtinId="19" customBuiltin="1"/>
    <cellStyle name="Input" xfId="34" builtinId="20" customBuiltin="1"/>
    <cellStyle name="Linked Cell" xfId="35" builtinId="24" customBuiltin="1"/>
    <cellStyle name="Neutral" xfId="36" builtinId="28" customBuiltin="1"/>
    <cellStyle name="Normal" xfId="0" builtinId="0"/>
    <cellStyle name="Normal 2" xfId="37" xr:uid="{00000000-0005-0000-0000-000025000000}"/>
    <cellStyle name="Normal 2 2" xfId="38" xr:uid="{00000000-0005-0000-0000-000026000000}"/>
    <cellStyle name="Normal 2 2 2" xfId="47" xr:uid="{2570E7D8-6C1A-4D7D-868F-E5EB6E2F193C}"/>
    <cellStyle name="Normal 3" xfId="39" xr:uid="{00000000-0005-0000-0000-000027000000}"/>
    <cellStyle name="Normal 3 2" xfId="40" xr:uid="{00000000-0005-0000-0000-000028000000}"/>
    <cellStyle name="Note" xfId="41" builtinId="10" customBuiltin="1"/>
    <cellStyle name="Note 2" xfId="42" xr:uid="{00000000-0005-0000-0000-00002A000000}"/>
    <cellStyle name="Output" xfId="43" builtinId="21" customBuiltin="1"/>
    <cellStyle name="Title" xfId="44" builtinId="15" customBuiltin="1"/>
    <cellStyle name="Total" xfId="45" builtinId="25" customBuiltin="1"/>
    <cellStyle name="Warning Text" xfId="46" builtinId="11" customBuiltin="1"/>
  </cellStyles>
  <dxfs count="892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T179"/>
  <sheetViews>
    <sheetView topLeftCell="A24" zoomScale="90" zoomScaleNormal="90" workbookViewId="0">
      <selection activeCell="A26" sqref="A26"/>
    </sheetView>
  </sheetViews>
  <sheetFormatPr defaultRowHeight="12.75" x14ac:dyDescent="0.2"/>
  <cols>
    <col min="1" max="1" width="15" style="1" customWidth="1"/>
    <col min="2" max="3" width="5.7109375" customWidth="1"/>
    <col min="4" max="4" width="24" customWidth="1"/>
    <col min="5" max="5" width="17.85546875" bestFit="1" customWidth="1"/>
    <col min="6" max="6" width="6.42578125" style="10" customWidth="1"/>
    <col min="7" max="7" width="7.140625" customWidth="1"/>
    <col min="8" max="8" width="23.7109375" customWidth="1"/>
    <col min="9" max="9" width="16.7109375" customWidth="1"/>
    <col min="10" max="10" width="8" customWidth="1"/>
    <col min="11" max="11" width="5.7109375" customWidth="1"/>
    <col min="12" max="12" width="22.42578125" customWidth="1"/>
    <col min="13" max="13" width="21.42578125" customWidth="1"/>
    <col min="14" max="14" width="5.7109375" customWidth="1"/>
    <col min="15" max="15" width="8.140625" customWidth="1"/>
    <col min="16" max="16" width="21.5703125" customWidth="1"/>
    <col min="17" max="17" width="16.85546875" bestFit="1" customWidth="1"/>
    <col min="20" max="20" width="21.28515625" customWidth="1"/>
  </cols>
  <sheetData>
    <row r="1" spans="1:20" x14ac:dyDescent="0.2">
      <c r="E1" s="4"/>
    </row>
    <row r="2" spans="1:20" ht="20.25" x14ac:dyDescent="0.3">
      <c r="H2" s="2" t="s">
        <v>42</v>
      </c>
    </row>
    <row r="3" spans="1:20" x14ac:dyDescent="0.2">
      <c r="H3" s="7"/>
    </row>
    <row r="4" spans="1:20" x14ac:dyDescent="0.2">
      <c r="H4" s="20" t="s">
        <v>44</v>
      </c>
    </row>
    <row r="5" spans="1:20" x14ac:dyDescent="0.2">
      <c r="J5" s="1"/>
    </row>
    <row r="6" spans="1:20" x14ac:dyDescent="0.2">
      <c r="A6" t="s">
        <v>0</v>
      </c>
      <c r="B6" s="13"/>
      <c r="D6" s="14"/>
      <c r="E6" s="10" t="s">
        <v>1</v>
      </c>
      <c r="I6" t="s">
        <v>2</v>
      </c>
      <c r="J6" s="1"/>
      <c r="M6" s="3" t="s">
        <v>27</v>
      </c>
      <c r="Q6" s="3" t="s">
        <v>28</v>
      </c>
    </row>
    <row r="7" spans="1:20" x14ac:dyDescent="0.2">
      <c r="A7" s="12">
        <v>44799</v>
      </c>
      <c r="B7" t="s">
        <v>12</v>
      </c>
      <c r="C7" t="s">
        <v>13</v>
      </c>
      <c r="E7" s="12">
        <f>$A$7</f>
        <v>44799</v>
      </c>
      <c r="F7" t="s">
        <v>12</v>
      </c>
      <c r="G7" t="s">
        <v>13</v>
      </c>
      <c r="I7" s="12">
        <f>$A$7 +1</f>
        <v>44800</v>
      </c>
      <c r="J7" s="3" t="s">
        <v>12</v>
      </c>
      <c r="K7" s="3" t="s">
        <v>13</v>
      </c>
      <c r="M7" s="12">
        <f>$A$7 +1</f>
        <v>44800</v>
      </c>
      <c r="N7" s="3" t="s">
        <v>12</v>
      </c>
      <c r="O7" s="3" t="s">
        <v>13</v>
      </c>
      <c r="Q7" s="12">
        <f>$A$7 +1</f>
        <v>44800</v>
      </c>
      <c r="R7" s="3" t="s">
        <v>12</v>
      </c>
      <c r="S7" s="3" t="s">
        <v>13</v>
      </c>
    </row>
    <row r="8" spans="1:20" x14ac:dyDescent="0.2">
      <c r="A8" s="4"/>
      <c r="B8" s="15" t="s">
        <v>18</v>
      </c>
      <c r="D8" s="23" t="s">
        <v>103</v>
      </c>
      <c r="E8" s="4"/>
      <c r="F8" s="15" t="s">
        <v>21</v>
      </c>
      <c r="G8" s="22" t="s">
        <v>39</v>
      </c>
      <c r="H8" s="23" t="s">
        <v>131</v>
      </c>
      <c r="I8" s="4"/>
      <c r="J8" s="15" t="s">
        <v>18</v>
      </c>
      <c r="K8" t="s">
        <v>37</v>
      </c>
      <c r="L8" s="23" t="s">
        <v>159</v>
      </c>
      <c r="M8" s="4" t="s">
        <v>45</v>
      </c>
      <c r="N8" s="15" t="s">
        <v>21</v>
      </c>
      <c r="P8" s="23" t="s">
        <v>192</v>
      </c>
      <c r="Q8" s="4" t="s">
        <v>73</v>
      </c>
      <c r="R8" s="15" t="s">
        <v>18</v>
      </c>
      <c r="T8" s="23" t="s">
        <v>219</v>
      </c>
    </row>
    <row r="9" spans="1:20" x14ac:dyDescent="0.2">
      <c r="A9" s="4"/>
      <c r="B9" s="15" t="s">
        <v>21</v>
      </c>
      <c r="C9" s="22" t="s">
        <v>36</v>
      </c>
      <c r="D9" s="23" t="s">
        <v>104</v>
      </c>
      <c r="E9" s="4"/>
      <c r="F9" s="15" t="s">
        <v>18</v>
      </c>
      <c r="H9" s="23" t="s">
        <v>132</v>
      </c>
      <c r="I9" s="4"/>
      <c r="J9" s="15" t="s">
        <v>21</v>
      </c>
      <c r="K9" t="s">
        <v>5</v>
      </c>
      <c r="L9" s="23" t="s">
        <v>160</v>
      </c>
      <c r="M9" s="4" t="s">
        <v>46</v>
      </c>
      <c r="N9" s="15" t="s">
        <v>18</v>
      </c>
      <c r="P9" s="23" t="s">
        <v>193</v>
      </c>
      <c r="Q9" s="4" t="s">
        <v>74</v>
      </c>
      <c r="R9" s="15" t="s">
        <v>21</v>
      </c>
      <c r="T9" s="23" t="s">
        <v>220</v>
      </c>
    </row>
    <row r="10" spans="1:20" x14ac:dyDescent="0.2">
      <c r="A10" s="4"/>
      <c r="B10" s="15" t="s">
        <v>39</v>
      </c>
      <c r="C10" s="22" t="s">
        <v>41</v>
      </c>
      <c r="D10" s="23" t="s">
        <v>105</v>
      </c>
      <c r="E10" s="4"/>
      <c r="F10" s="15" t="s">
        <v>39</v>
      </c>
      <c r="H10" s="23" t="s">
        <v>133</v>
      </c>
      <c r="I10" s="4"/>
      <c r="J10" s="15" t="s">
        <v>39</v>
      </c>
      <c r="L10" s="23" t="s">
        <v>161</v>
      </c>
      <c r="M10" s="4" t="s">
        <v>47</v>
      </c>
      <c r="N10" s="15" t="s">
        <v>39</v>
      </c>
      <c r="P10" s="23" t="s">
        <v>194</v>
      </c>
      <c r="Q10" s="4" t="s">
        <v>75</v>
      </c>
      <c r="R10" s="15" t="s">
        <v>39</v>
      </c>
      <c r="T10" s="23" t="s">
        <v>221</v>
      </c>
    </row>
    <row r="11" spans="1:20" x14ac:dyDescent="0.2">
      <c r="A11" s="4"/>
      <c r="B11" s="19" t="s">
        <v>101</v>
      </c>
      <c r="D11" s="23" t="s">
        <v>106</v>
      </c>
      <c r="E11" s="4"/>
      <c r="F11" s="19" t="s">
        <v>101</v>
      </c>
      <c r="G11" t="s">
        <v>24</v>
      </c>
      <c r="H11" s="23" t="s">
        <v>134</v>
      </c>
      <c r="I11" s="4"/>
      <c r="J11" s="19" t="s">
        <v>101</v>
      </c>
      <c r="L11" s="23" t="s">
        <v>162</v>
      </c>
      <c r="M11" s="4" t="s">
        <v>48</v>
      </c>
      <c r="N11" s="19" t="s">
        <v>101</v>
      </c>
      <c r="O11" t="s">
        <v>18</v>
      </c>
      <c r="P11" s="23" t="s">
        <v>195</v>
      </c>
      <c r="Q11" s="4" t="s">
        <v>76</v>
      </c>
      <c r="R11" s="19" t="s">
        <v>101</v>
      </c>
      <c r="T11" s="23" t="s">
        <v>222</v>
      </c>
    </row>
    <row r="12" spans="1:20" x14ac:dyDescent="0.2">
      <c r="A12" s="4"/>
      <c r="B12" s="15" t="s">
        <v>40</v>
      </c>
      <c r="D12" s="23" t="s">
        <v>107</v>
      </c>
      <c r="E12" s="4"/>
      <c r="F12" s="15" t="s">
        <v>24</v>
      </c>
      <c r="H12" s="23" t="s">
        <v>135</v>
      </c>
      <c r="I12" s="4"/>
      <c r="J12" s="15" t="s">
        <v>40</v>
      </c>
      <c r="K12" t="s">
        <v>18</v>
      </c>
      <c r="L12" s="23" t="s">
        <v>163</v>
      </c>
      <c r="M12" s="4" t="s">
        <v>49</v>
      </c>
      <c r="N12" s="15" t="s">
        <v>24</v>
      </c>
      <c r="P12" s="23" t="s">
        <v>196</v>
      </c>
      <c r="Q12" s="4" t="s">
        <v>77</v>
      </c>
      <c r="R12" s="15" t="s">
        <v>40</v>
      </c>
      <c r="T12" s="23" t="s">
        <v>223</v>
      </c>
    </row>
    <row r="13" spans="1:20" x14ac:dyDescent="0.2">
      <c r="A13" s="4"/>
      <c r="B13" s="15" t="s">
        <v>24</v>
      </c>
      <c r="C13" t="s">
        <v>39</v>
      </c>
      <c r="D13" s="23" t="s">
        <v>108</v>
      </c>
      <c r="E13" s="4"/>
      <c r="F13" s="15" t="s">
        <v>40</v>
      </c>
      <c r="H13" s="23" t="s">
        <v>136</v>
      </c>
      <c r="I13" s="4"/>
      <c r="J13" s="15" t="s">
        <v>24</v>
      </c>
      <c r="K13" t="s">
        <v>102</v>
      </c>
      <c r="L13" s="23" t="s">
        <v>164</v>
      </c>
      <c r="M13" s="4" t="s">
        <v>50</v>
      </c>
      <c r="N13" s="15" t="s">
        <v>40</v>
      </c>
      <c r="P13" s="23" t="s">
        <v>197</v>
      </c>
      <c r="Q13" s="4" t="s">
        <v>78</v>
      </c>
      <c r="R13" s="15" t="s">
        <v>24</v>
      </c>
      <c r="T13" s="23" t="s">
        <v>224</v>
      </c>
    </row>
    <row r="14" spans="1:20" x14ac:dyDescent="0.2">
      <c r="A14" s="4"/>
      <c r="B14" s="15" t="s">
        <v>5</v>
      </c>
      <c r="D14" s="23" t="s">
        <v>109</v>
      </c>
      <c r="E14" s="4"/>
      <c r="F14" s="15" t="s">
        <v>37</v>
      </c>
      <c r="G14" t="s">
        <v>11</v>
      </c>
      <c r="H14" s="23" t="s">
        <v>137</v>
      </c>
      <c r="I14" s="4"/>
      <c r="J14" s="15" t="s">
        <v>5</v>
      </c>
      <c r="L14" s="23" t="s">
        <v>165</v>
      </c>
      <c r="M14" s="4" t="s">
        <v>51</v>
      </c>
      <c r="N14" s="15" t="s">
        <v>37</v>
      </c>
      <c r="P14" s="23" t="s">
        <v>198</v>
      </c>
      <c r="Q14" s="4" t="s">
        <v>79</v>
      </c>
      <c r="R14" s="15" t="s">
        <v>5</v>
      </c>
      <c r="T14" s="23" t="s">
        <v>225</v>
      </c>
    </row>
    <row r="15" spans="1:20" x14ac:dyDescent="0.2">
      <c r="A15" s="4"/>
      <c r="B15" s="15" t="s">
        <v>4</v>
      </c>
      <c r="C15" t="s">
        <v>14</v>
      </c>
      <c r="D15" s="23" t="s">
        <v>110</v>
      </c>
      <c r="E15" s="4"/>
      <c r="F15" s="15" t="s">
        <v>4</v>
      </c>
      <c r="H15" s="23" t="s">
        <v>138</v>
      </c>
      <c r="I15" s="4"/>
      <c r="J15" s="15" t="s">
        <v>4</v>
      </c>
      <c r="L15" s="23" t="s">
        <v>167</v>
      </c>
      <c r="M15" s="4" t="s">
        <v>52</v>
      </c>
      <c r="N15" s="15" t="s">
        <v>4</v>
      </c>
      <c r="P15" s="23" t="s">
        <v>199</v>
      </c>
      <c r="Q15" s="4" t="s">
        <v>80</v>
      </c>
      <c r="R15" s="15" t="s">
        <v>4</v>
      </c>
      <c r="T15" s="23" t="s">
        <v>231</v>
      </c>
    </row>
    <row r="16" spans="1:20" x14ac:dyDescent="0.2">
      <c r="A16" s="4"/>
      <c r="B16" s="15" t="s">
        <v>37</v>
      </c>
      <c r="D16" s="23" t="s">
        <v>111</v>
      </c>
      <c r="E16" s="4"/>
      <c r="F16" s="15" t="s">
        <v>5</v>
      </c>
      <c r="G16" t="s">
        <v>21</v>
      </c>
      <c r="H16" s="23" t="s">
        <v>139</v>
      </c>
      <c r="I16" s="4"/>
      <c r="J16" s="15" t="s">
        <v>37</v>
      </c>
      <c r="K16" t="s">
        <v>11</v>
      </c>
      <c r="L16" s="23" t="s">
        <v>166</v>
      </c>
      <c r="M16" s="4" t="s">
        <v>53</v>
      </c>
      <c r="N16" s="15" t="s">
        <v>5</v>
      </c>
      <c r="P16" s="23" t="s">
        <v>200</v>
      </c>
      <c r="Q16" s="4" t="s">
        <v>81</v>
      </c>
      <c r="R16" s="15" t="s">
        <v>37</v>
      </c>
      <c r="T16" s="23" t="s">
        <v>227</v>
      </c>
    </row>
    <row r="17" spans="1:20" x14ac:dyDescent="0.2">
      <c r="A17" s="4"/>
      <c r="B17" s="15" t="s">
        <v>19</v>
      </c>
      <c r="D17" s="23" t="s">
        <v>112</v>
      </c>
      <c r="E17" s="4"/>
      <c r="F17" s="15" t="s">
        <v>41</v>
      </c>
      <c r="G17" s="22" t="s">
        <v>102</v>
      </c>
      <c r="H17" s="23" t="s">
        <v>140</v>
      </c>
      <c r="I17" s="4"/>
      <c r="J17" s="15" t="s">
        <v>19</v>
      </c>
      <c r="K17" t="s">
        <v>7</v>
      </c>
      <c r="L17" s="23" t="s">
        <v>168</v>
      </c>
      <c r="M17" s="4" t="s">
        <v>54</v>
      </c>
      <c r="N17" s="15" t="s">
        <v>41</v>
      </c>
      <c r="O17" s="22" t="s">
        <v>39</v>
      </c>
      <c r="P17" s="23" t="s">
        <v>201</v>
      </c>
      <c r="Q17" s="4" t="s">
        <v>82</v>
      </c>
      <c r="R17" s="15" t="s">
        <v>19</v>
      </c>
      <c r="T17" s="23" t="s">
        <v>226</v>
      </c>
    </row>
    <row r="18" spans="1:20" x14ac:dyDescent="0.2">
      <c r="A18" s="4"/>
      <c r="B18" s="15" t="s">
        <v>8</v>
      </c>
      <c r="C18" s="22" t="s">
        <v>7</v>
      </c>
      <c r="D18" s="23" t="s">
        <v>113</v>
      </c>
      <c r="E18" s="4"/>
      <c r="F18" s="15" t="s">
        <v>43</v>
      </c>
      <c r="G18" s="22" t="s">
        <v>7</v>
      </c>
      <c r="H18" s="23" t="s">
        <v>141</v>
      </c>
      <c r="I18" s="4"/>
      <c r="J18" s="15" t="s">
        <v>8</v>
      </c>
      <c r="L18" s="23" t="s">
        <v>169</v>
      </c>
      <c r="M18" s="4" t="s">
        <v>55</v>
      </c>
      <c r="N18" s="15" t="s">
        <v>43</v>
      </c>
      <c r="P18" s="23" t="s">
        <v>202</v>
      </c>
      <c r="Q18" s="4" t="s">
        <v>83</v>
      </c>
      <c r="R18" s="15" t="s">
        <v>8</v>
      </c>
      <c r="S18" s="22" t="s">
        <v>7</v>
      </c>
      <c r="T18" s="23" t="s">
        <v>228</v>
      </c>
    </row>
    <row r="19" spans="1:20" x14ac:dyDescent="0.2">
      <c r="A19" s="4"/>
      <c r="B19" s="15" t="s">
        <v>43</v>
      </c>
      <c r="D19" s="23" t="s">
        <v>114</v>
      </c>
      <c r="E19" s="4"/>
      <c r="F19" s="15" t="s">
        <v>8</v>
      </c>
      <c r="H19" s="23" t="s">
        <v>142</v>
      </c>
      <c r="I19" s="4"/>
      <c r="J19" s="15" t="s">
        <v>43</v>
      </c>
      <c r="L19" s="23" t="s">
        <v>170</v>
      </c>
      <c r="M19" s="4" t="s">
        <v>56</v>
      </c>
      <c r="N19" s="15" t="s">
        <v>8</v>
      </c>
      <c r="O19" t="s">
        <v>7</v>
      </c>
      <c r="P19" s="23" t="s">
        <v>203</v>
      </c>
      <c r="Q19" s="4" t="s">
        <v>84</v>
      </c>
      <c r="R19" s="15" t="s">
        <v>43</v>
      </c>
      <c r="T19" s="23" t="s">
        <v>229</v>
      </c>
    </row>
    <row r="20" spans="1:20" x14ac:dyDescent="0.2">
      <c r="A20" s="4"/>
      <c r="B20" s="15" t="s">
        <v>41</v>
      </c>
      <c r="C20" s="22" t="s">
        <v>102</v>
      </c>
      <c r="D20" s="23" t="s">
        <v>115</v>
      </c>
      <c r="E20" s="4"/>
      <c r="F20" s="15" t="s">
        <v>19</v>
      </c>
      <c r="H20" s="23" t="s">
        <v>143</v>
      </c>
      <c r="I20" s="4"/>
      <c r="J20" s="15" t="s">
        <v>41</v>
      </c>
      <c r="K20" s="22" t="s">
        <v>15</v>
      </c>
      <c r="L20" s="23" t="s">
        <v>171</v>
      </c>
      <c r="M20" s="4" t="s">
        <v>57</v>
      </c>
      <c r="N20" s="15" t="s">
        <v>19</v>
      </c>
      <c r="O20" t="s">
        <v>7</v>
      </c>
      <c r="P20" s="23" t="s">
        <v>204</v>
      </c>
      <c r="Q20" s="4" t="s">
        <v>85</v>
      </c>
      <c r="R20" s="15" t="s">
        <v>41</v>
      </c>
      <c r="S20" t="s">
        <v>7</v>
      </c>
      <c r="T20" s="23" t="s">
        <v>230</v>
      </c>
    </row>
    <row r="21" spans="1:20" x14ac:dyDescent="0.2">
      <c r="A21" s="4"/>
      <c r="B21" s="15" t="s">
        <v>26</v>
      </c>
      <c r="D21" s="23" t="s">
        <v>116</v>
      </c>
      <c r="E21" s="4"/>
      <c r="F21" s="15" t="s">
        <v>26</v>
      </c>
      <c r="H21" s="23" t="s">
        <v>144</v>
      </c>
      <c r="I21" s="4"/>
      <c r="J21" s="15" t="s">
        <v>26</v>
      </c>
      <c r="L21" s="23" t="s">
        <v>172</v>
      </c>
      <c r="M21" s="4" t="s">
        <v>58</v>
      </c>
      <c r="N21" s="15" t="s">
        <v>26</v>
      </c>
      <c r="P21" s="23" t="s">
        <v>205</v>
      </c>
      <c r="Q21" s="4" t="s">
        <v>86</v>
      </c>
      <c r="R21" s="15" t="s">
        <v>26</v>
      </c>
      <c r="T21" s="23" t="s">
        <v>232</v>
      </c>
    </row>
    <row r="22" spans="1:20" x14ac:dyDescent="0.2">
      <c r="A22" s="4"/>
      <c r="B22" s="15" t="s">
        <v>23</v>
      </c>
      <c r="D22" s="23" t="s">
        <v>117</v>
      </c>
      <c r="E22" s="4"/>
      <c r="F22" s="15" t="s">
        <v>20</v>
      </c>
      <c r="H22" s="23" t="s">
        <v>145</v>
      </c>
      <c r="I22" s="4"/>
      <c r="J22" s="15" t="s">
        <v>23</v>
      </c>
      <c r="L22" s="23" t="s">
        <v>173</v>
      </c>
      <c r="M22" s="4" t="s">
        <v>59</v>
      </c>
      <c r="N22" s="15" t="s">
        <v>20</v>
      </c>
      <c r="P22" s="23" t="s">
        <v>206</v>
      </c>
      <c r="Q22" s="4" t="s">
        <v>87</v>
      </c>
      <c r="R22" s="15" t="s">
        <v>23</v>
      </c>
      <c r="S22" t="s">
        <v>6</v>
      </c>
      <c r="T22" s="23" t="s">
        <v>233</v>
      </c>
    </row>
    <row r="23" spans="1:20" x14ac:dyDescent="0.2">
      <c r="A23" s="4"/>
      <c r="B23" s="15" t="s">
        <v>20</v>
      </c>
      <c r="C23" s="22" t="s">
        <v>9</v>
      </c>
      <c r="D23" s="23" t="s">
        <v>118</v>
      </c>
      <c r="E23" s="4"/>
      <c r="F23" s="15" t="s">
        <v>23</v>
      </c>
      <c r="H23" s="23" t="s">
        <v>146</v>
      </c>
      <c r="I23" s="4"/>
      <c r="J23" s="15" t="s">
        <v>20</v>
      </c>
      <c r="L23" s="23" t="s">
        <v>174</v>
      </c>
      <c r="M23" s="4" t="s">
        <v>60</v>
      </c>
      <c r="N23" s="15" t="s">
        <v>23</v>
      </c>
      <c r="O23" t="s">
        <v>21</v>
      </c>
      <c r="P23" s="23" t="s">
        <v>208</v>
      </c>
      <c r="Q23" s="4" t="s">
        <v>88</v>
      </c>
      <c r="R23" s="15" t="s">
        <v>20</v>
      </c>
      <c r="T23" s="23" t="s">
        <v>234</v>
      </c>
    </row>
    <row r="24" spans="1:20" x14ac:dyDescent="0.2">
      <c r="A24" s="4"/>
      <c r="B24" s="15" t="s">
        <v>14</v>
      </c>
      <c r="D24" s="23" t="s">
        <v>119</v>
      </c>
      <c r="E24" s="4"/>
      <c r="F24" s="15" t="s">
        <v>9</v>
      </c>
      <c r="G24" t="s">
        <v>15</v>
      </c>
      <c r="H24" s="23" t="s">
        <v>147</v>
      </c>
      <c r="I24" s="4"/>
      <c r="J24" s="15" t="s">
        <v>14</v>
      </c>
      <c r="L24" s="23" t="s">
        <v>175</v>
      </c>
      <c r="M24" s="4" t="s">
        <v>61</v>
      </c>
      <c r="N24" s="15" t="s">
        <v>9</v>
      </c>
      <c r="O24" t="s">
        <v>43</v>
      </c>
      <c r="P24" s="23" t="s">
        <v>209</v>
      </c>
      <c r="Q24" s="4" t="s">
        <v>89</v>
      </c>
      <c r="R24" s="15" t="s">
        <v>14</v>
      </c>
      <c r="T24" s="23" t="s">
        <v>235</v>
      </c>
    </row>
    <row r="25" spans="1:20" x14ac:dyDescent="0.2">
      <c r="A25" s="4"/>
      <c r="B25" s="15" t="s">
        <v>36</v>
      </c>
      <c r="C25" s="22" t="s">
        <v>8</v>
      </c>
      <c r="D25" s="23" t="s">
        <v>120</v>
      </c>
      <c r="E25" s="4"/>
      <c r="F25" s="15" t="s">
        <v>36</v>
      </c>
      <c r="H25" s="23" t="s">
        <v>148</v>
      </c>
      <c r="I25" s="4"/>
      <c r="J25" s="15" t="s">
        <v>36</v>
      </c>
      <c r="L25" s="23" t="s">
        <v>176</v>
      </c>
      <c r="M25" s="4" t="s">
        <v>62</v>
      </c>
      <c r="N25" s="15" t="s">
        <v>36</v>
      </c>
      <c r="P25" s="23" t="s">
        <v>210</v>
      </c>
      <c r="Q25" s="4" t="s">
        <v>90</v>
      </c>
      <c r="R25" s="15" t="s">
        <v>36</v>
      </c>
      <c r="S25" t="s">
        <v>8</v>
      </c>
      <c r="T25" s="23" t="s">
        <v>236</v>
      </c>
    </row>
    <row r="26" spans="1:20" x14ac:dyDescent="0.2">
      <c r="A26" s="21"/>
      <c r="B26" s="15" t="s">
        <v>9</v>
      </c>
      <c r="C26" s="22" t="s">
        <v>20</v>
      </c>
      <c r="D26" s="23" t="s">
        <v>121</v>
      </c>
      <c r="E26" s="21"/>
      <c r="F26" s="15" t="s">
        <v>14</v>
      </c>
      <c r="H26" s="23" t="s">
        <v>149</v>
      </c>
      <c r="I26" s="21"/>
      <c r="J26" s="15" t="s">
        <v>9</v>
      </c>
      <c r="L26" s="23" t="s">
        <v>177</v>
      </c>
      <c r="M26" s="21" t="s">
        <v>63</v>
      </c>
      <c r="N26" s="15" t="s">
        <v>14</v>
      </c>
      <c r="P26" s="23" t="s">
        <v>211</v>
      </c>
      <c r="Q26" s="21" t="s">
        <v>91</v>
      </c>
      <c r="R26" s="15" t="s">
        <v>9</v>
      </c>
      <c r="S26" s="22" t="s">
        <v>15</v>
      </c>
      <c r="T26" s="23" t="s">
        <v>237</v>
      </c>
    </row>
    <row r="27" spans="1:20" x14ac:dyDescent="0.2">
      <c r="A27" s="4"/>
      <c r="B27" s="15" t="s">
        <v>15</v>
      </c>
      <c r="C27" s="22" t="s">
        <v>15</v>
      </c>
      <c r="D27" s="23" t="s">
        <v>122</v>
      </c>
      <c r="E27" s="4"/>
      <c r="F27" s="15" t="s">
        <v>15</v>
      </c>
      <c r="H27" s="23" t="s">
        <v>150</v>
      </c>
      <c r="I27" s="4"/>
      <c r="J27" s="15" t="s">
        <v>15</v>
      </c>
      <c r="K27" t="s">
        <v>9</v>
      </c>
      <c r="L27" s="23" t="s">
        <v>178</v>
      </c>
      <c r="M27" s="4" t="s">
        <v>64</v>
      </c>
      <c r="N27" s="15" t="s">
        <v>15</v>
      </c>
      <c r="P27" s="23" t="s">
        <v>212</v>
      </c>
      <c r="Q27" s="4" t="s">
        <v>92</v>
      </c>
      <c r="R27" s="15" t="s">
        <v>15</v>
      </c>
      <c r="T27" s="23" t="s">
        <v>238</v>
      </c>
    </row>
    <row r="28" spans="1:20" x14ac:dyDescent="0.2">
      <c r="A28" s="4"/>
      <c r="B28" s="15" t="s">
        <v>10</v>
      </c>
      <c r="D28" s="23" t="s">
        <v>123</v>
      </c>
      <c r="E28" s="4"/>
      <c r="F28" s="15" t="s">
        <v>10</v>
      </c>
      <c r="H28" s="23" t="s">
        <v>151</v>
      </c>
      <c r="I28" s="4"/>
      <c r="J28" s="15" t="s">
        <v>10</v>
      </c>
      <c r="L28" s="23" t="s">
        <v>179</v>
      </c>
      <c r="M28" s="4" t="s">
        <v>65</v>
      </c>
      <c r="N28" s="15" t="s">
        <v>10</v>
      </c>
      <c r="P28" s="23" t="s">
        <v>213</v>
      </c>
      <c r="Q28" s="4" t="s">
        <v>93</v>
      </c>
      <c r="R28" s="15" t="s">
        <v>10</v>
      </c>
      <c r="T28" s="23" t="s">
        <v>240</v>
      </c>
    </row>
    <row r="29" spans="1:20" x14ac:dyDescent="0.2">
      <c r="A29" s="4"/>
      <c r="B29" s="15" t="s">
        <v>17</v>
      </c>
      <c r="D29" s="23" t="s">
        <v>124</v>
      </c>
      <c r="E29" s="4"/>
      <c r="F29" s="15" t="s">
        <v>7</v>
      </c>
      <c r="G29" t="s">
        <v>14</v>
      </c>
      <c r="H29" s="23" t="s">
        <v>152</v>
      </c>
      <c r="I29" s="4"/>
      <c r="J29" s="15" t="s">
        <v>17</v>
      </c>
      <c r="K29" s="22" t="s">
        <v>21</v>
      </c>
      <c r="L29" s="23" t="s">
        <v>180</v>
      </c>
      <c r="M29" s="4" t="s">
        <v>66</v>
      </c>
      <c r="N29" s="15" t="s">
        <v>7</v>
      </c>
      <c r="O29" t="s">
        <v>18</v>
      </c>
      <c r="P29" s="23" t="s">
        <v>214</v>
      </c>
      <c r="Q29" s="4" t="s">
        <v>94</v>
      </c>
      <c r="R29" s="15" t="s">
        <v>17</v>
      </c>
      <c r="S29" s="22" t="s">
        <v>9</v>
      </c>
      <c r="T29" s="23" t="s">
        <v>241</v>
      </c>
    </row>
    <row r="30" spans="1:20" x14ac:dyDescent="0.2">
      <c r="A30" s="4"/>
      <c r="B30" s="15" t="s">
        <v>7</v>
      </c>
      <c r="C30" s="22" t="s">
        <v>21</v>
      </c>
      <c r="D30" s="23" t="s">
        <v>125</v>
      </c>
      <c r="E30" s="4"/>
      <c r="F30" s="15" t="s">
        <v>17</v>
      </c>
      <c r="G30" t="s">
        <v>18</v>
      </c>
      <c r="H30" s="23" t="s">
        <v>153</v>
      </c>
      <c r="I30" s="4"/>
      <c r="J30" s="15" t="s">
        <v>7</v>
      </c>
      <c r="L30" s="23" t="s">
        <v>186</v>
      </c>
      <c r="M30" s="4" t="s">
        <v>67</v>
      </c>
      <c r="N30" s="15" t="s">
        <v>17</v>
      </c>
      <c r="O30" t="s">
        <v>19</v>
      </c>
      <c r="P30" s="23" t="s">
        <v>215</v>
      </c>
      <c r="Q30" s="4" t="s">
        <v>95</v>
      </c>
      <c r="R30" s="15" t="s">
        <v>7</v>
      </c>
      <c r="T30" s="23" t="s">
        <v>242</v>
      </c>
    </row>
    <row r="31" spans="1:20" x14ac:dyDescent="0.2">
      <c r="A31" s="4"/>
      <c r="B31" s="15" t="s">
        <v>38</v>
      </c>
      <c r="C31" t="s">
        <v>14</v>
      </c>
      <c r="D31" s="23" t="s">
        <v>126</v>
      </c>
      <c r="E31" s="4"/>
      <c r="F31" s="15" t="s">
        <v>38</v>
      </c>
      <c r="H31" s="23" t="s">
        <v>154</v>
      </c>
      <c r="I31" s="4" t="s">
        <v>185</v>
      </c>
      <c r="J31" s="15" t="s">
        <v>38</v>
      </c>
      <c r="K31" t="s">
        <v>102</v>
      </c>
      <c r="L31" s="23" t="s">
        <v>187</v>
      </c>
      <c r="M31" s="4" t="s">
        <v>68</v>
      </c>
      <c r="N31" s="15" t="s">
        <v>38</v>
      </c>
      <c r="O31" t="s">
        <v>18</v>
      </c>
      <c r="P31" s="23" t="s">
        <v>216</v>
      </c>
      <c r="Q31" s="4" t="s">
        <v>96</v>
      </c>
      <c r="R31" s="15" t="s">
        <v>38</v>
      </c>
      <c r="T31" s="23" t="s">
        <v>243</v>
      </c>
    </row>
    <row r="32" spans="1:20" x14ac:dyDescent="0.2">
      <c r="A32" s="4"/>
      <c r="B32" s="15" t="s">
        <v>25</v>
      </c>
      <c r="C32" t="s">
        <v>102</v>
      </c>
      <c r="D32" s="23" t="s">
        <v>127</v>
      </c>
      <c r="E32" s="4"/>
      <c r="F32" s="15" t="s">
        <v>11</v>
      </c>
      <c r="H32" s="23" t="s">
        <v>155</v>
      </c>
      <c r="I32" s="4" t="s">
        <v>184</v>
      </c>
      <c r="J32" s="15" t="s">
        <v>25</v>
      </c>
      <c r="K32" t="s">
        <v>18</v>
      </c>
      <c r="L32" s="23" t="s">
        <v>188</v>
      </c>
      <c r="M32" s="4" t="s">
        <v>69</v>
      </c>
      <c r="N32" s="15" t="s">
        <v>11</v>
      </c>
      <c r="P32" s="23" t="s">
        <v>217</v>
      </c>
      <c r="Q32" s="4" t="s">
        <v>97</v>
      </c>
      <c r="R32" s="15" t="s">
        <v>25</v>
      </c>
      <c r="S32" s="22" t="s">
        <v>15</v>
      </c>
      <c r="T32" s="23" t="s">
        <v>244</v>
      </c>
    </row>
    <row r="33" spans="1:20" x14ac:dyDescent="0.2">
      <c r="A33" s="21"/>
      <c r="B33" s="15" t="s">
        <v>11</v>
      </c>
      <c r="C33" t="s">
        <v>37</v>
      </c>
      <c r="D33" s="23" t="s">
        <v>128</v>
      </c>
      <c r="E33" s="21"/>
      <c r="F33" s="15" t="s">
        <v>25</v>
      </c>
      <c r="G33" s="22" t="s">
        <v>8</v>
      </c>
      <c r="H33" s="23" t="s">
        <v>156</v>
      </c>
      <c r="I33" s="21" t="s">
        <v>183</v>
      </c>
      <c r="J33" s="15" t="s">
        <v>11</v>
      </c>
      <c r="K33" t="s">
        <v>38</v>
      </c>
      <c r="L33" s="23" t="s">
        <v>189</v>
      </c>
      <c r="M33" s="21" t="s">
        <v>70</v>
      </c>
      <c r="N33" s="15" t="s">
        <v>25</v>
      </c>
      <c r="O33" s="22" t="s">
        <v>9</v>
      </c>
      <c r="P33" s="23" t="s">
        <v>239</v>
      </c>
      <c r="Q33" s="21" t="s">
        <v>98</v>
      </c>
      <c r="R33" s="15" t="s">
        <v>11</v>
      </c>
      <c r="T33" s="23" t="s">
        <v>247</v>
      </c>
    </row>
    <row r="34" spans="1:20" x14ac:dyDescent="0.2">
      <c r="A34" s="21"/>
      <c r="B34" s="15" t="s">
        <v>22</v>
      </c>
      <c r="D34" s="23" t="s">
        <v>129</v>
      </c>
      <c r="E34" s="21"/>
      <c r="F34" s="15" t="s">
        <v>22</v>
      </c>
      <c r="H34" s="23" t="s">
        <v>157</v>
      </c>
      <c r="I34" s="21" t="s">
        <v>182</v>
      </c>
      <c r="J34" s="15" t="s">
        <v>22</v>
      </c>
      <c r="L34" s="23" t="s">
        <v>190</v>
      </c>
      <c r="M34" s="21" t="s">
        <v>71</v>
      </c>
      <c r="N34" s="15" t="s">
        <v>22</v>
      </c>
      <c r="P34" s="23" t="s">
        <v>218</v>
      </c>
      <c r="Q34" s="21" t="s">
        <v>99</v>
      </c>
      <c r="R34" s="15" t="s">
        <v>22</v>
      </c>
      <c r="T34" s="23" t="s">
        <v>245</v>
      </c>
    </row>
    <row r="35" spans="1:20" x14ac:dyDescent="0.2">
      <c r="A35" s="21"/>
      <c r="B35" s="15" t="s">
        <v>6</v>
      </c>
      <c r="D35" s="23" t="s">
        <v>130</v>
      </c>
      <c r="E35" s="21"/>
      <c r="F35" s="15" t="s">
        <v>6</v>
      </c>
      <c r="G35" t="s">
        <v>43</v>
      </c>
      <c r="H35" s="23" t="s">
        <v>158</v>
      </c>
      <c r="I35" s="21" t="s">
        <v>181</v>
      </c>
      <c r="J35" s="15" t="s">
        <v>6</v>
      </c>
      <c r="L35" s="23" t="s">
        <v>191</v>
      </c>
      <c r="M35" s="21" t="s">
        <v>72</v>
      </c>
      <c r="N35" s="15" t="s">
        <v>6</v>
      </c>
      <c r="P35" s="23" t="s">
        <v>207</v>
      </c>
      <c r="Q35" s="21" t="s">
        <v>100</v>
      </c>
      <c r="R35" s="15" t="s">
        <v>6</v>
      </c>
      <c r="T35" s="23" t="s">
        <v>246</v>
      </c>
    </row>
    <row r="36" spans="1:20" x14ac:dyDescent="0.2">
      <c r="A36" s="4"/>
      <c r="H36" s="3"/>
    </row>
    <row r="37" spans="1:20" x14ac:dyDescent="0.2">
      <c r="A37" s="4"/>
    </row>
    <row r="38" spans="1:20" x14ac:dyDescent="0.2">
      <c r="B38" s="3" t="s">
        <v>16</v>
      </c>
      <c r="E38" s="11" t="s">
        <v>3</v>
      </c>
      <c r="F38" s="11"/>
      <c r="I38" s="3" t="s">
        <v>29</v>
      </c>
      <c r="J38" s="1"/>
      <c r="M38" s="3" t="s">
        <v>30</v>
      </c>
      <c r="Q38" s="3" t="s">
        <v>31</v>
      </c>
    </row>
    <row r="39" spans="1:20" x14ac:dyDescent="0.2">
      <c r="A39" s="12">
        <f>$A$7 +2</f>
        <v>44801</v>
      </c>
      <c r="B39" t="s">
        <v>12</v>
      </c>
      <c r="C39" t="s">
        <v>13</v>
      </c>
      <c r="E39" s="12">
        <f>$A$7 +2</f>
        <v>44801</v>
      </c>
      <c r="F39" t="s">
        <v>12</v>
      </c>
      <c r="G39" t="s">
        <v>13</v>
      </c>
      <c r="I39" s="12">
        <f>$A$7 +3</f>
        <v>44802</v>
      </c>
      <c r="J39" s="3" t="s">
        <v>12</v>
      </c>
      <c r="K39" s="3" t="s">
        <v>13</v>
      </c>
      <c r="M39" s="12">
        <f>$A$7 +3</f>
        <v>44802</v>
      </c>
      <c r="N39" s="3" t="s">
        <v>12</v>
      </c>
      <c r="O39" s="3" t="s">
        <v>13</v>
      </c>
      <c r="Q39" s="12">
        <f>$A$7 +4</f>
        <v>44803</v>
      </c>
      <c r="R39" s="3" t="s">
        <v>12</v>
      </c>
      <c r="S39" s="3" t="s">
        <v>13</v>
      </c>
    </row>
    <row r="40" spans="1:20" x14ac:dyDescent="0.2">
      <c r="A40" s="4" t="s">
        <v>45</v>
      </c>
      <c r="B40" s="15" t="s">
        <v>21</v>
      </c>
      <c r="C40" t="s">
        <v>17</v>
      </c>
      <c r="D40" s="23" t="s">
        <v>248</v>
      </c>
      <c r="E40" s="4" t="s">
        <v>73</v>
      </c>
      <c r="F40" s="15" t="s">
        <v>18</v>
      </c>
      <c r="H40" s="23" t="s">
        <v>276</v>
      </c>
      <c r="I40" s="4" t="s">
        <v>45</v>
      </c>
      <c r="J40" s="15" t="s">
        <v>21</v>
      </c>
      <c r="K40" s="22" t="s">
        <v>41</v>
      </c>
      <c r="L40" s="23" t="s">
        <v>304</v>
      </c>
      <c r="M40" s="4" t="s">
        <v>73</v>
      </c>
      <c r="N40" s="15" t="s">
        <v>18</v>
      </c>
      <c r="P40" s="23" t="s">
        <v>328</v>
      </c>
      <c r="Q40" s="4" t="s">
        <v>45</v>
      </c>
      <c r="R40" s="15" t="s">
        <v>21</v>
      </c>
      <c r="S40" s="22" t="s">
        <v>41</v>
      </c>
      <c r="T40" s="23" t="s">
        <v>364</v>
      </c>
    </row>
    <row r="41" spans="1:20" x14ac:dyDescent="0.2">
      <c r="A41" s="4" t="s">
        <v>46</v>
      </c>
      <c r="B41" s="15" t="s">
        <v>18</v>
      </c>
      <c r="C41" t="s">
        <v>22</v>
      </c>
      <c r="D41" s="23" t="s">
        <v>249</v>
      </c>
      <c r="E41" s="4" t="s">
        <v>74</v>
      </c>
      <c r="F41" s="15" t="s">
        <v>21</v>
      </c>
      <c r="G41" t="s">
        <v>6</v>
      </c>
      <c r="H41" s="23" t="s">
        <v>277</v>
      </c>
      <c r="I41" s="4" t="s">
        <v>46</v>
      </c>
      <c r="J41" s="15" t="s">
        <v>18</v>
      </c>
      <c r="L41" s="23" t="s">
        <v>305</v>
      </c>
      <c r="M41" s="4" t="s">
        <v>74</v>
      </c>
      <c r="N41" s="15" t="s">
        <v>21</v>
      </c>
      <c r="O41" s="22" t="s">
        <v>41</v>
      </c>
      <c r="P41" s="23" t="s">
        <v>329</v>
      </c>
      <c r="Q41" s="4" t="s">
        <v>46</v>
      </c>
      <c r="R41" s="15" t="s">
        <v>18</v>
      </c>
      <c r="T41" s="23" t="s">
        <v>363</v>
      </c>
    </row>
    <row r="42" spans="1:20" x14ac:dyDescent="0.2">
      <c r="A42" s="4" t="s">
        <v>47</v>
      </c>
      <c r="B42" s="15" t="s">
        <v>39</v>
      </c>
      <c r="D42" s="23" t="s">
        <v>250</v>
      </c>
      <c r="E42" s="4" t="s">
        <v>75</v>
      </c>
      <c r="F42" s="15" t="s">
        <v>39</v>
      </c>
      <c r="H42" s="23" t="s">
        <v>278</v>
      </c>
      <c r="I42" s="4" t="s">
        <v>47</v>
      </c>
      <c r="J42" s="15" t="s">
        <v>39</v>
      </c>
      <c r="L42" s="23" t="s">
        <v>306</v>
      </c>
      <c r="M42" s="4" t="s">
        <v>75</v>
      </c>
      <c r="N42" s="15" t="s">
        <v>39</v>
      </c>
      <c r="P42" s="23" t="s">
        <v>330</v>
      </c>
      <c r="Q42" s="4" t="s">
        <v>47</v>
      </c>
      <c r="R42" s="15" t="s">
        <v>39</v>
      </c>
      <c r="S42" t="s">
        <v>36</v>
      </c>
      <c r="T42" s="23" t="s">
        <v>362</v>
      </c>
    </row>
    <row r="43" spans="1:20" x14ac:dyDescent="0.2">
      <c r="A43" s="4" t="s">
        <v>48</v>
      </c>
      <c r="B43" s="19" t="s">
        <v>101</v>
      </c>
      <c r="D43" s="23" t="s">
        <v>251</v>
      </c>
      <c r="E43" s="4" t="s">
        <v>76</v>
      </c>
      <c r="F43" s="19" t="s">
        <v>101</v>
      </c>
      <c r="G43" s="22" t="s">
        <v>9</v>
      </c>
      <c r="H43" s="23" t="s">
        <v>279</v>
      </c>
      <c r="I43" s="4" t="s">
        <v>48</v>
      </c>
      <c r="J43" s="19" t="s">
        <v>101</v>
      </c>
      <c r="K43" s="22" t="s">
        <v>41</v>
      </c>
      <c r="L43" s="23" t="s">
        <v>307</v>
      </c>
      <c r="M43" s="4" t="s">
        <v>76</v>
      </c>
      <c r="N43" s="19" t="s">
        <v>101</v>
      </c>
      <c r="P43" s="23" t="s">
        <v>331</v>
      </c>
      <c r="Q43" s="4" t="s">
        <v>48</v>
      </c>
      <c r="R43" s="19" t="s">
        <v>101</v>
      </c>
      <c r="T43" s="23" t="s">
        <v>361</v>
      </c>
    </row>
    <row r="44" spans="1:20" x14ac:dyDescent="0.2">
      <c r="A44" s="4" t="s">
        <v>49</v>
      </c>
      <c r="B44" s="15" t="s">
        <v>24</v>
      </c>
      <c r="C44" t="s">
        <v>7</v>
      </c>
      <c r="D44" s="23" t="s">
        <v>252</v>
      </c>
      <c r="E44" s="4" t="s">
        <v>77</v>
      </c>
      <c r="F44" s="15" t="s">
        <v>40</v>
      </c>
      <c r="H44" s="23" t="s">
        <v>280</v>
      </c>
      <c r="I44" s="4" t="s">
        <v>49</v>
      </c>
      <c r="J44" s="15" t="s">
        <v>24</v>
      </c>
      <c r="L44" s="23" t="s">
        <v>308</v>
      </c>
      <c r="M44" s="4" t="s">
        <v>77</v>
      </c>
      <c r="N44" s="15" t="s">
        <v>40</v>
      </c>
      <c r="P44" s="23" t="s">
        <v>334</v>
      </c>
      <c r="Q44" s="4" t="s">
        <v>49</v>
      </c>
      <c r="R44" s="15" t="s">
        <v>24</v>
      </c>
      <c r="T44" s="23" t="s">
        <v>360</v>
      </c>
    </row>
    <row r="45" spans="1:20" x14ac:dyDescent="0.2">
      <c r="A45" s="4" t="s">
        <v>50</v>
      </c>
      <c r="B45" s="15" t="s">
        <v>40</v>
      </c>
      <c r="D45" s="23" t="s">
        <v>253</v>
      </c>
      <c r="E45" s="4" t="s">
        <v>78</v>
      </c>
      <c r="F45" s="15" t="s">
        <v>24</v>
      </c>
      <c r="H45" s="23" t="s">
        <v>281</v>
      </c>
      <c r="I45" s="4" t="s">
        <v>50</v>
      </c>
      <c r="J45" s="15" t="s">
        <v>40</v>
      </c>
      <c r="L45" s="23" t="s">
        <v>309</v>
      </c>
      <c r="M45" s="4" t="s">
        <v>78</v>
      </c>
      <c r="N45" s="15" t="s">
        <v>24</v>
      </c>
      <c r="P45" s="23" t="s">
        <v>335</v>
      </c>
      <c r="Q45" s="4" t="s">
        <v>50</v>
      </c>
      <c r="R45" s="15" t="s">
        <v>40</v>
      </c>
      <c r="T45" s="23" t="s">
        <v>359</v>
      </c>
    </row>
    <row r="46" spans="1:20" x14ac:dyDescent="0.2">
      <c r="A46" s="4" t="s">
        <v>51</v>
      </c>
      <c r="B46" s="15" t="s">
        <v>37</v>
      </c>
      <c r="D46" s="23" t="s">
        <v>254</v>
      </c>
      <c r="E46" s="4" t="s">
        <v>79</v>
      </c>
      <c r="F46" s="15" t="s">
        <v>5</v>
      </c>
      <c r="H46" s="23" t="s">
        <v>282</v>
      </c>
      <c r="I46" s="4" t="s">
        <v>51</v>
      </c>
      <c r="J46" s="15" t="s">
        <v>37</v>
      </c>
      <c r="L46" s="23" t="s">
        <v>310</v>
      </c>
      <c r="M46" s="4" t="s">
        <v>79</v>
      </c>
      <c r="N46" s="15" t="s">
        <v>5</v>
      </c>
      <c r="P46" s="23" t="s">
        <v>336</v>
      </c>
      <c r="Q46" s="4" t="s">
        <v>51</v>
      </c>
      <c r="R46" s="15" t="s">
        <v>37</v>
      </c>
      <c r="T46" s="23" t="s">
        <v>366</v>
      </c>
    </row>
    <row r="47" spans="1:20" x14ac:dyDescent="0.2">
      <c r="A47" s="4" t="s">
        <v>52</v>
      </c>
      <c r="B47" s="15" t="s">
        <v>4</v>
      </c>
      <c r="D47" s="23" t="s">
        <v>255</v>
      </c>
      <c r="E47" s="4" t="s">
        <v>80</v>
      </c>
      <c r="F47" s="15" t="s">
        <v>4</v>
      </c>
      <c r="H47" s="23" t="s">
        <v>283</v>
      </c>
      <c r="I47" s="4" t="s">
        <v>52</v>
      </c>
      <c r="J47" s="15" t="s">
        <v>4</v>
      </c>
      <c r="L47" s="23" t="s">
        <v>312</v>
      </c>
      <c r="M47" s="4" t="s">
        <v>80</v>
      </c>
      <c r="N47" s="15" t="s">
        <v>4</v>
      </c>
      <c r="P47" s="23" t="s">
        <v>340</v>
      </c>
      <c r="Q47" s="4" t="s">
        <v>52</v>
      </c>
      <c r="R47" s="15" t="s">
        <v>4</v>
      </c>
      <c r="T47" s="23" t="s">
        <v>365</v>
      </c>
    </row>
    <row r="48" spans="1:20" x14ac:dyDescent="0.2">
      <c r="A48" s="4" t="s">
        <v>53</v>
      </c>
      <c r="B48" s="15" t="s">
        <v>5</v>
      </c>
      <c r="D48" s="23" t="s">
        <v>256</v>
      </c>
      <c r="E48" s="4" t="s">
        <v>81</v>
      </c>
      <c r="F48" s="15" t="s">
        <v>37</v>
      </c>
      <c r="H48" s="23" t="s">
        <v>285</v>
      </c>
      <c r="I48" s="4" t="s">
        <v>53</v>
      </c>
      <c r="J48" s="15" t="s">
        <v>5</v>
      </c>
      <c r="L48" s="23" t="s">
        <v>311</v>
      </c>
      <c r="M48" s="4" t="s">
        <v>81</v>
      </c>
      <c r="N48" s="15" t="s">
        <v>37</v>
      </c>
      <c r="P48" s="23" t="s">
        <v>338</v>
      </c>
      <c r="Q48" s="4" t="s">
        <v>53</v>
      </c>
      <c r="R48" s="15" t="s">
        <v>5</v>
      </c>
      <c r="T48" s="23" t="s">
        <v>367</v>
      </c>
    </row>
    <row r="49" spans="1:20" x14ac:dyDescent="0.2">
      <c r="A49" s="4" t="s">
        <v>54</v>
      </c>
      <c r="B49" s="15" t="s">
        <v>41</v>
      </c>
      <c r="C49" s="22" t="s">
        <v>15</v>
      </c>
      <c r="D49" s="23" t="s">
        <v>257</v>
      </c>
      <c r="E49" s="4" t="s">
        <v>82</v>
      </c>
      <c r="F49" s="15" t="s">
        <v>19</v>
      </c>
      <c r="H49" s="23" t="s">
        <v>286</v>
      </c>
      <c r="I49" s="4" t="s">
        <v>54</v>
      </c>
      <c r="J49" s="15" t="s">
        <v>41</v>
      </c>
      <c r="L49" s="23" t="s">
        <v>313</v>
      </c>
      <c r="M49" s="4" t="s">
        <v>82</v>
      </c>
      <c r="N49" s="15" t="s">
        <v>19</v>
      </c>
      <c r="P49" s="23" t="s">
        <v>339</v>
      </c>
      <c r="Q49" s="4" t="s">
        <v>54</v>
      </c>
      <c r="R49" s="15" t="s">
        <v>41</v>
      </c>
      <c r="T49" s="23" t="s">
        <v>368</v>
      </c>
    </row>
    <row r="50" spans="1:20" x14ac:dyDescent="0.2">
      <c r="A50" s="4" t="s">
        <v>55</v>
      </c>
      <c r="B50" s="15" t="s">
        <v>43</v>
      </c>
      <c r="C50" t="s">
        <v>18</v>
      </c>
      <c r="D50" s="23" t="s">
        <v>258</v>
      </c>
      <c r="E50" s="4" t="s">
        <v>83</v>
      </c>
      <c r="F50" s="15" t="s">
        <v>8</v>
      </c>
      <c r="H50" s="23" t="s">
        <v>287</v>
      </c>
      <c r="I50" s="4" t="s">
        <v>55</v>
      </c>
      <c r="J50" s="15" t="s">
        <v>43</v>
      </c>
      <c r="K50" s="22" t="s">
        <v>18</v>
      </c>
      <c r="L50" s="23" t="s">
        <v>314</v>
      </c>
      <c r="M50" s="4" t="s">
        <v>83</v>
      </c>
      <c r="N50" s="15" t="s">
        <v>8</v>
      </c>
      <c r="P50" s="23" t="s">
        <v>341</v>
      </c>
      <c r="Q50" s="4" t="s">
        <v>55</v>
      </c>
      <c r="R50" s="15" t="s">
        <v>43</v>
      </c>
      <c r="T50" s="23" t="s">
        <v>369</v>
      </c>
    </row>
    <row r="51" spans="1:20" x14ac:dyDescent="0.2">
      <c r="A51" s="4" t="s">
        <v>56</v>
      </c>
      <c r="B51" s="15" t="s">
        <v>8</v>
      </c>
      <c r="C51" s="22" t="s">
        <v>9</v>
      </c>
      <c r="D51" s="23" t="s">
        <v>259</v>
      </c>
      <c r="E51" s="4" t="s">
        <v>84</v>
      </c>
      <c r="F51" s="15" t="s">
        <v>43</v>
      </c>
      <c r="H51" s="23" t="s">
        <v>288</v>
      </c>
      <c r="I51" s="4" t="s">
        <v>56</v>
      </c>
      <c r="J51" s="15" t="s">
        <v>8</v>
      </c>
      <c r="L51" s="23" t="s">
        <v>315</v>
      </c>
      <c r="M51" s="4" t="s">
        <v>84</v>
      </c>
      <c r="N51" s="15" t="s">
        <v>43</v>
      </c>
      <c r="P51" s="23" t="s">
        <v>342</v>
      </c>
      <c r="Q51" s="4" t="s">
        <v>56</v>
      </c>
      <c r="R51" s="15" t="s">
        <v>8</v>
      </c>
      <c r="T51" s="23" t="s">
        <v>370</v>
      </c>
    </row>
    <row r="52" spans="1:20" x14ac:dyDescent="0.2">
      <c r="A52" s="4" t="s">
        <v>57</v>
      </c>
      <c r="B52" s="15" t="s">
        <v>19</v>
      </c>
      <c r="D52" s="23" t="s">
        <v>260</v>
      </c>
      <c r="E52" s="4" t="s">
        <v>85</v>
      </c>
      <c r="F52" s="15" t="s">
        <v>41</v>
      </c>
      <c r="H52" s="23" t="s">
        <v>289</v>
      </c>
      <c r="I52" s="4" t="s">
        <v>57</v>
      </c>
      <c r="J52" s="15" t="s">
        <v>19</v>
      </c>
      <c r="K52" t="s">
        <v>9</v>
      </c>
      <c r="L52" s="23" t="s">
        <v>145</v>
      </c>
      <c r="M52" s="4" t="s">
        <v>85</v>
      </c>
      <c r="N52" s="15" t="s">
        <v>41</v>
      </c>
      <c r="P52" s="23" t="s">
        <v>343</v>
      </c>
      <c r="Q52" s="4" t="s">
        <v>57</v>
      </c>
      <c r="R52" s="15" t="s">
        <v>19</v>
      </c>
      <c r="T52" s="23" t="s">
        <v>371</v>
      </c>
    </row>
    <row r="53" spans="1:20" x14ac:dyDescent="0.2">
      <c r="A53" s="4" t="s">
        <v>58</v>
      </c>
      <c r="B53" s="15" t="s">
        <v>26</v>
      </c>
      <c r="D53" s="23" t="s">
        <v>261</v>
      </c>
      <c r="E53" s="4" t="s">
        <v>86</v>
      </c>
      <c r="F53" s="15" t="s">
        <v>26</v>
      </c>
      <c r="H53" s="23" t="s">
        <v>290</v>
      </c>
      <c r="I53" s="4" t="s">
        <v>58</v>
      </c>
      <c r="J53" s="15" t="s">
        <v>26</v>
      </c>
      <c r="L53" s="23" t="s">
        <v>317</v>
      </c>
      <c r="M53" s="4" t="s">
        <v>86</v>
      </c>
      <c r="N53" s="15" t="s">
        <v>26</v>
      </c>
      <c r="P53" s="23" t="s">
        <v>344</v>
      </c>
      <c r="Q53" s="4" t="s">
        <v>58</v>
      </c>
      <c r="R53" s="15" t="s">
        <v>26</v>
      </c>
      <c r="T53" s="23" t="s">
        <v>372</v>
      </c>
    </row>
    <row r="54" spans="1:20" x14ac:dyDescent="0.2">
      <c r="A54" s="4" t="s">
        <v>59</v>
      </c>
      <c r="B54" s="15" t="s">
        <v>20</v>
      </c>
      <c r="D54" s="23" t="s">
        <v>265</v>
      </c>
      <c r="E54" s="4" t="s">
        <v>87</v>
      </c>
      <c r="F54" s="15" t="s">
        <v>23</v>
      </c>
      <c r="H54" s="23" t="s">
        <v>303</v>
      </c>
      <c r="I54" s="4" t="s">
        <v>59</v>
      </c>
      <c r="J54" s="15" t="s">
        <v>20</v>
      </c>
      <c r="L54" s="23" t="s">
        <v>319</v>
      </c>
      <c r="M54" s="4" t="s">
        <v>87</v>
      </c>
      <c r="N54" s="15" t="s">
        <v>23</v>
      </c>
      <c r="P54" s="23" t="s">
        <v>345</v>
      </c>
      <c r="Q54" s="4" t="s">
        <v>59</v>
      </c>
      <c r="R54" s="15" t="s">
        <v>20</v>
      </c>
      <c r="T54" s="23" t="s">
        <v>373</v>
      </c>
    </row>
    <row r="55" spans="1:20" x14ac:dyDescent="0.2">
      <c r="A55" s="4" t="s">
        <v>60</v>
      </c>
      <c r="B55" s="15" t="s">
        <v>23</v>
      </c>
      <c r="D55" s="23" t="s">
        <v>262</v>
      </c>
      <c r="E55" s="4" t="s">
        <v>88</v>
      </c>
      <c r="F55" s="15" t="s">
        <v>20</v>
      </c>
      <c r="H55" s="23" t="s">
        <v>291</v>
      </c>
      <c r="I55" s="4" t="s">
        <v>60</v>
      </c>
      <c r="J55" s="15" t="s">
        <v>23</v>
      </c>
      <c r="L55" s="23" t="s">
        <v>318</v>
      </c>
      <c r="M55" s="4" t="s">
        <v>88</v>
      </c>
      <c r="N55" s="15" t="s">
        <v>20</v>
      </c>
      <c r="P55" s="23" t="s">
        <v>346</v>
      </c>
      <c r="Q55" s="4" t="s">
        <v>60</v>
      </c>
      <c r="R55" s="15" t="s">
        <v>23</v>
      </c>
      <c r="T55" s="23" t="s">
        <v>375</v>
      </c>
    </row>
    <row r="56" spans="1:20" x14ac:dyDescent="0.2">
      <c r="A56" s="4" t="s">
        <v>61</v>
      </c>
      <c r="B56" s="15" t="s">
        <v>9</v>
      </c>
      <c r="C56" t="s">
        <v>19</v>
      </c>
      <c r="D56" s="23" t="s">
        <v>263</v>
      </c>
      <c r="E56" s="4" t="s">
        <v>89</v>
      </c>
      <c r="F56" s="15" t="s">
        <v>14</v>
      </c>
      <c r="H56" s="23" t="s">
        <v>302</v>
      </c>
      <c r="I56" s="4" t="s">
        <v>61</v>
      </c>
      <c r="J56" s="15" t="s">
        <v>9</v>
      </c>
      <c r="L56" s="23" t="s">
        <v>316</v>
      </c>
      <c r="M56" s="4" t="s">
        <v>89</v>
      </c>
      <c r="N56" s="15" t="s">
        <v>14</v>
      </c>
      <c r="P56" s="23" t="s">
        <v>356</v>
      </c>
      <c r="Q56" s="4" t="s">
        <v>61</v>
      </c>
      <c r="R56" s="15" t="s">
        <v>9</v>
      </c>
      <c r="T56" s="23" t="s">
        <v>376</v>
      </c>
    </row>
    <row r="57" spans="1:20" x14ac:dyDescent="0.2">
      <c r="A57" s="4" t="s">
        <v>62</v>
      </c>
      <c r="B57" s="15" t="s">
        <v>36</v>
      </c>
      <c r="D57" s="23" t="s">
        <v>264</v>
      </c>
      <c r="E57" s="4" t="s">
        <v>90</v>
      </c>
      <c r="F57" s="15" t="s">
        <v>36</v>
      </c>
      <c r="H57" s="23" t="s">
        <v>284</v>
      </c>
      <c r="I57" s="4" t="s">
        <v>62</v>
      </c>
      <c r="J57" s="15" t="s">
        <v>36</v>
      </c>
      <c r="K57" t="s">
        <v>8</v>
      </c>
      <c r="L57" s="23" t="s">
        <v>320</v>
      </c>
      <c r="M57" s="4" t="s">
        <v>90</v>
      </c>
      <c r="N57" s="15" t="s">
        <v>36</v>
      </c>
      <c r="P57" s="23" t="s">
        <v>347</v>
      </c>
      <c r="Q57" s="4" t="s">
        <v>62</v>
      </c>
      <c r="R57" s="15" t="s">
        <v>36</v>
      </c>
      <c r="T57" s="23" t="s">
        <v>374</v>
      </c>
    </row>
    <row r="58" spans="1:20" x14ac:dyDescent="0.2">
      <c r="A58" s="21" t="s">
        <v>63</v>
      </c>
      <c r="B58" s="15" t="s">
        <v>14</v>
      </c>
      <c r="D58" s="23" t="s">
        <v>266</v>
      </c>
      <c r="E58" s="21" t="s">
        <v>91</v>
      </c>
      <c r="F58" s="15" t="s">
        <v>9</v>
      </c>
      <c r="G58" s="22" t="s">
        <v>9</v>
      </c>
      <c r="H58" s="23" t="s">
        <v>292</v>
      </c>
      <c r="I58" s="21" t="s">
        <v>63</v>
      </c>
      <c r="J58" s="15" t="s">
        <v>14</v>
      </c>
      <c r="L58" s="23" t="s">
        <v>321</v>
      </c>
      <c r="M58" s="21" t="s">
        <v>91</v>
      </c>
      <c r="N58" s="15" t="s">
        <v>9</v>
      </c>
      <c r="P58" s="23" t="s">
        <v>348</v>
      </c>
      <c r="Q58" s="21" t="s">
        <v>63</v>
      </c>
      <c r="R58" s="15" t="s">
        <v>14</v>
      </c>
      <c r="T58" s="23" t="s">
        <v>377</v>
      </c>
    </row>
    <row r="59" spans="1:20" x14ac:dyDescent="0.2">
      <c r="A59" s="4" t="s">
        <v>64</v>
      </c>
      <c r="B59" s="15" t="s">
        <v>15</v>
      </c>
      <c r="C59" t="s">
        <v>19</v>
      </c>
      <c r="D59" s="23" t="s">
        <v>267</v>
      </c>
      <c r="E59" s="4" t="s">
        <v>92</v>
      </c>
      <c r="F59" s="15" t="s">
        <v>15</v>
      </c>
      <c r="H59" s="23" t="s">
        <v>293</v>
      </c>
      <c r="I59" s="4" t="s">
        <v>64</v>
      </c>
      <c r="J59" s="15" t="s">
        <v>15</v>
      </c>
      <c r="K59" t="s">
        <v>43</v>
      </c>
      <c r="L59" s="23" t="s">
        <v>322</v>
      </c>
      <c r="M59" s="4" t="s">
        <v>92</v>
      </c>
      <c r="N59" s="15" t="s">
        <v>15</v>
      </c>
      <c r="P59" s="23" t="s">
        <v>349</v>
      </c>
      <c r="Q59" s="4" t="s">
        <v>64</v>
      </c>
      <c r="R59" s="15" t="s">
        <v>15</v>
      </c>
      <c r="T59" s="23" t="s">
        <v>378</v>
      </c>
    </row>
    <row r="60" spans="1:20" x14ac:dyDescent="0.2">
      <c r="A60" s="4" t="s">
        <v>65</v>
      </c>
      <c r="B60" s="15" t="s">
        <v>10</v>
      </c>
      <c r="D60" s="23" t="s">
        <v>268</v>
      </c>
      <c r="E60" s="4" t="s">
        <v>93</v>
      </c>
      <c r="F60" s="15" t="s">
        <v>10</v>
      </c>
      <c r="H60" s="23" t="s">
        <v>294</v>
      </c>
      <c r="I60" s="4" t="s">
        <v>65</v>
      </c>
      <c r="J60" s="15" t="s">
        <v>10</v>
      </c>
      <c r="L60" s="23" t="s">
        <v>323</v>
      </c>
      <c r="M60" s="4" t="s">
        <v>93</v>
      </c>
      <c r="N60" s="15" t="s">
        <v>10</v>
      </c>
      <c r="P60" s="23" t="s">
        <v>333</v>
      </c>
      <c r="Q60" s="4" t="s">
        <v>65</v>
      </c>
      <c r="R60" s="15" t="s">
        <v>10</v>
      </c>
      <c r="T60" s="23" t="s">
        <v>380</v>
      </c>
    </row>
    <row r="61" spans="1:20" x14ac:dyDescent="0.2">
      <c r="A61" s="4" t="s">
        <v>66</v>
      </c>
      <c r="B61" s="15" t="s">
        <v>7</v>
      </c>
      <c r="C61" t="s">
        <v>9</v>
      </c>
      <c r="D61" s="23" t="s">
        <v>269</v>
      </c>
      <c r="E61" s="4" t="s">
        <v>94</v>
      </c>
      <c r="F61" s="15" t="s">
        <v>17</v>
      </c>
      <c r="H61" s="23" t="s">
        <v>295</v>
      </c>
      <c r="I61" s="4" t="s">
        <v>66</v>
      </c>
      <c r="J61" s="15" t="s">
        <v>7</v>
      </c>
      <c r="L61" s="23" t="s">
        <v>357</v>
      </c>
      <c r="M61" s="4" t="s">
        <v>94</v>
      </c>
      <c r="N61" s="15" t="s">
        <v>17</v>
      </c>
      <c r="P61" s="23" t="s">
        <v>350</v>
      </c>
      <c r="Q61" s="4" t="s">
        <v>66</v>
      </c>
      <c r="R61" s="15" t="s">
        <v>7</v>
      </c>
      <c r="T61" s="23" t="s">
        <v>386</v>
      </c>
    </row>
    <row r="62" spans="1:20" x14ac:dyDescent="0.2">
      <c r="A62" s="4" t="s">
        <v>67</v>
      </c>
      <c r="B62" s="15" t="s">
        <v>17</v>
      </c>
      <c r="D62" s="23" t="s">
        <v>270</v>
      </c>
      <c r="E62" s="4" t="s">
        <v>95</v>
      </c>
      <c r="F62" s="15" t="s">
        <v>7</v>
      </c>
      <c r="G62" t="s">
        <v>102</v>
      </c>
      <c r="H62" s="23" t="s">
        <v>296</v>
      </c>
      <c r="I62" s="4" t="s">
        <v>67</v>
      </c>
      <c r="J62" s="15" t="s">
        <v>17</v>
      </c>
      <c r="L62" s="23" t="s">
        <v>324</v>
      </c>
      <c r="M62" s="4" t="s">
        <v>95</v>
      </c>
      <c r="N62" s="15" t="s">
        <v>7</v>
      </c>
      <c r="P62" s="23" t="s">
        <v>358</v>
      </c>
      <c r="Q62" s="4" t="s">
        <v>67</v>
      </c>
      <c r="R62" s="15" t="s">
        <v>17</v>
      </c>
      <c r="T62" s="23" t="s">
        <v>379</v>
      </c>
    </row>
    <row r="63" spans="1:20" x14ac:dyDescent="0.2">
      <c r="A63" s="4" t="s">
        <v>68</v>
      </c>
      <c r="B63" s="15" t="s">
        <v>38</v>
      </c>
      <c r="D63" s="23" t="s">
        <v>271</v>
      </c>
      <c r="E63" s="4" t="s">
        <v>96</v>
      </c>
      <c r="F63" s="15" t="s">
        <v>38</v>
      </c>
      <c r="G63" t="s">
        <v>18</v>
      </c>
      <c r="H63" s="23" t="s">
        <v>298</v>
      </c>
      <c r="I63" s="4" t="s">
        <v>68</v>
      </c>
      <c r="J63" s="15" t="s">
        <v>38</v>
      </c>
      <c r="L63" s="23" t="s">
        <v>325</v>
      </c>
      <c r="M63" s="4" t="s">
        <v>96</v>
      </c>
      <c r="N63" s="15" t="s">
        <v>38</v>
      </c>
      <c r="P63" s="23" t="s">
        <v>351</v>
      </c>
      <c r="Q63" s="4" t="s">
        <v>68</v>
      </c>
      <c r="R63" s="15" t="s">
        <v>38</v>
      </c>
      <c r="T63" s="23" t="s">
        <v>385</v>
      </c>
    </row>
    <row r="64" spans="1:20" x14ac:dyDescent="0.2">
      <c r="A64" s="4" t="s">
        <v>69</v>
      </c>
      <c r="B64" s="15" t="s">
        <v>11</v>
      </c>
      <c r="D64" s="23" t="s">
        <v>272</v>
      </c>
      <c r="E64" s="4" t="s">
        <v>97</v>
      </c>
      <c r="F64" s="15" t="s">
        <v>25</v>
      </c>
      <c r="H64" s="23" t="s">
        <v>297</v>
      </c>
      <c r="I64" s="4" t="s">
        <v>69</v>
      </c>
      <c r="J64" s="15" t="s">
        <v>11</v>
      </c>
      <c r="L64" s="23" t="s">
        <v>326</v>
      </c>
      <c r="M64" s="4" t="s">
        <v>97</v>
      </c>
      <c r="N64" s="15" t="s">
        <v>25</v>
      </c>
      <c r="P64" s="23" t="s">
        <v>352</v>
      </c>
      <c r="Q64" s="4" t="s">
        <v>69</v>
      </c>
      <c r="R64" s="15" t="s">
        <v>11</v>
      </c>
      <c r="T64" s="23" t="s">
        <v>383</v>
      </c>
    </row>
    <row r="65" spans="1:20" x14ac:dyDescent="0.2">
      <c r="A65" s="21" t="s">
        <v>70</v>
      </c>
      <c r="B65" s="15" t="s">
        <v>25</v>
      </c>
      <c r="C65" s="22" t="s">
        <v>15</v>
      </c>
      <c r="D65" s="23" t="s">
        <v>273</v>
      </c>
      <c r="E65" s="21" t="s">
        <v>98</v>
      </c>
      <c r="F65" s="15" t="s">
        <v>11</v>
      </c>
      <c r="G65" t="s">
        <v>38</v>
      </c>
      <c r="H65" s="23" t="s">
        <v>299</v>
      </c>
      <c r="I65" s="21" t="s">
        <v>70</v>
      </c>
      <c r="J65" s="15" t="s">
        <v>25</v>
      </c>
      <c r="L65" s="23" t="s">
        <v>327</v>
      </c>
      <c r="M65" s="21" t="s">
        <v>98</v>
      </c>
      <c r="N65" s="15" t="s">
        <v>11</v>
      </c>
      <c r="O65" t="s">
        <v>6</v>
      </c>
      <c r="P65" s="23" t="s">
        <v>355</v>
      </c>
      <c r="Q65" s="21" t="s">
        <v>70</v>
      </c>
      <c r="R65" s="15" t="s">
        <v>25</v>
      </c>
      <c r="T65" s="23" t="s">
        <v>381</v>
      </c>
    </row>
    <row r="66" spans="1:20" x14ac:dyDescent="0.2">
      <c r="A66" s="21" t="s">
        <v>71</v>
      </c>
      <c r="B66" s="15" t="s">
        <v>22</v>
      </c>
      <c r="D66" s="23" t="s">
        <v>274</v>
      </c>
      <c r="E66" s="21" t="s">
        <v>99</v>
      </c>
      <c r="F66" s="15" t="s">
        <v>22</v>
      </c>
      <c r="H66" s="23" t="s">
        <v>300</v>
      </c>
      <c r="I66" s="21" t="s">
        <v>71</v>
      </c>
      <c r="J66" s="15" t="s">
        <v>22</v>
      </c>
      <c r="L66" s="23" t="s">
        <v>337</v>
      </c>
      <c r="M66" s="21" t="s">
        <v>99</v>
      </c>
      <c r="N66" s="15" t="s">
        <v>22</v>
      </c>
      <c r="P66" s="23" t="s">
        <v>353</v>
      </c>
      <c r="Q66" s="21" t="s">
        <v>71</v>
      </c>
      <c r="R66" s="15" t="s">
        <v>22</v>
      </c>
      <c r="T66" s="23" t="s">
        <v>382</v>
      </c>
    </row>
    <row r="67" spans="1:20" x14ac:dyDescent="0.2">
      <c r="A67" s="21" t="s">
        <v>72</v>
      </c>
      <c r="B67" s="15" t="s">
        <v>6</v>
      </c>
      <c r="C67" t="s">
        <v>19</v>
      </c>
      <c r="D67" s="23" t="s">
        <v>275</v>
      </c>
      <c r="E67" s="21" t="s">
        <v>100</v>
      </c>
      <c r="F67" s="15" t="s">
        <v>6</v>
      </c>
      <c r="H67" s="23" t="s">
        <v>301</v>
      </c>
      <c r="I67" s="21" t="s">
        <v>72</v>
      </c>
      <c r="J67" s="15" t="s">
        <v>6</v>
      </c>
      <c r="L67" s="23" t="s">
        <v>332</v>
      </c>
      <c r="M67" s="21" t="s">
        <v>100</v>
      </c>
      <c r="N67" s="15" t="s">
        <v>6</v>
      </c>
      <c r="O67" t="s">
        <v>8</v>
      </c>
      <c r="P67" s="24" t="s">
        <v>354</v>
      </c>
      <c r="Q67" s="21" t="s">
        <v>72</v>
      </c>
      <c r="R67" s="15" t="s">
        <v>6</v>
      </c>
      <c r="T67" s="23" t="s">
        <v>384</v>
      </c>
    </row>
    <row r="68" spans="1:20" x14ac:dyDescent="0.2">
      <c r="A68" s="4"/>
      <c r="H68" s="3"/>
    </row>
    <row r="69" spans="1:20" x14ac:dyDescent="0.2">
      <c r="A69" s="4"/>
    </row>
    <row r="70" spans="1:20" x14ac:dyDescent="0.2">
      <c r="A70" s="8"/>
      <c r="B70" s="17"/>
      <c r="C70" s="15"/>
      <c r="D70" s="15"/>
      <c r="E70" s="15"/>
      <c r="F70" s="16"/>
      <c r="G70" s="15"/>
      <c r="H70" s="15"/>
      <c r="I70" s="15"/>
      <c r="J70" s="15"/>
      <c r="K70" s="15"/>
    </row>
    <row r="71" spans="1:20" x14ac:dyDescent="0.2">
      <c r="A71" s="8"/>
      <c r="B71" s="15"/>
      <c r="C71" s="15"/>
      <c r="D71" s="15"/>
      <c r="E71" s="15"/>
      <c r="F71" s="16"/>
      <c r="G71" s="15"/>
      <c r="H71" s="15"/>
      <c r="I71" s="15"/>
      <c r="J71" s="15"/>
      <c r="K71" s="15"/>
    </row>
    <row r="72" spans="1:20" x14ac:dyDescent="0.2">
      <c r="A72" s="8"/>
      <c r="B72" s="15"/>
      <c r="C72" s="15"/>
      <c r="D72" s="15"/>
      <c r="E72" s="15"/>
      <c r="F72" s="16"/>
      <c r="G72" s="15"/>
      <c r="H72" s="15"/>
      <c r="I72" s="15"/>
      <c r="J72" s="15"/>
      <c r="K72" s="15"/>
    </row>
    <row r="73" spans="1:20" x14ac:dyDescent="0.2">
      <c r="A73" s="4"/>
      <c r="B73" s="15"/>
      <c r="C73" s="15"/>
      <c r="D73" s="15"/>
      <c r="E73" s="17"/>
      <c r="F73" s="16"/>
      <c r="G73" s="15"/>
      <c r="H73" s="18"/>
      <c r="I73" s="15"/>
      <c r="J73" s="15"/>
      <c r="K73" s="15"/>
    </row>
    <row r="74" spans="1:20" x14ac:dyDescent="0.2">
      <c r="A74" s="4"/>
      <c r="B74" s="15"/>
      <c r="C74" s="17"/>
      <c r="D74" s="15"/>
      <c r="E74" s="15"/>
      <c r="F74" s="16"/>
      <c r="G74" s="15"/>
      <c r="H74" s="18"/>
      <c r="I74" s="15"/>
      <c r="J74" s="15"/>
      <c r="K74" s="15"/>
    </row>
    <row r="75" spans="1:20" x14ac:dyDescent="0.2">
      <c r="A75" s="5"/>
      <c r="B75" s="15"/>
      <c r="C75" s="15"/>
      <c r="D75" s="15"/>
      <c r="E75" s="15"/>
      <c r="F75" s="16"/>
      <c r="G75" s="15"/>
      <c r="H75" s="15"/>
      <c r="I75" s="15"/>
      <c r="J75" s="15"/>
      <c r="K75" s="15"/>
    </row>
    <row r="76" spans="1:20" x14ac:dyDescent="0.2">
      <c r="A76" s="5"/>
      <c r="B76" s="15"/>
      <c r="C76" s="15"/>
      <c r="D76" s="15"/>
      <c r="E76" s="15"/>
      <c r="F76" s="16"/>
      <c r="G76" s="15"/>
      <c r="H76" s="15"/>
      <c r="I76" s="15"/>
      <c r="J76" s="15"/>
      <c r="K76" s="15"/>
    </row>
    <row r="77" spans="1:20" x14ac:dyDescent="0.2">
      <c r="A77" s="5"/>
      <c r="B77" s="15"/>
      <c r="C77" s="15"/>
      <c r="D77" s="15"/>
      <c r="E77" s="15"/>
      <c r="F77" s="16"/>
      <c r="G77" s="15"/>
      <c r="H77" s="15"/>
      <c r="I77" s="15"/>
      <c r="J77" s="15"/>
      <c r="K77" s="15"/>
    </row>
    <row r="78" spans="1:20" x14ac:dyDescent="0.2">
      <c r="A78"/>
      <c r="B78" s="15"/>
      <c r="C78" s="15"/>
      <c r="D78" s="15"/>
      <c r="E78" s="15"/>
      <c r="F78" s="16"/>
      <c r="G78" s="15"/>
      <c r="H78" s="15"/>
      <c r="I78" s="15"/>
      <c r="J78" s="15"/>
      <c r="K78" s="15"/>
    </row>
    <row r="79" spans="1:20" x14ac:dyDescent="0.2">
      <c r="A79"/>
      <c r="B79" s="15"/>
      <c r="C79" s="15"/>
      <c r="D79" s="15"/>
      <c r="E79" s="15"/>
      <c r="F79" s="16"/>
      <c r="G79" s="15"/>
      <c r="H79" s="15"/>
      <c r="I79" s="15"/>
      <c r="J79" s="15"/>
      <c r="K79" s="15"/>
    </row>
    <row r="80" spans="1:20" x14ac:dyDescent="0.2">
      <c r="A80"/>
      <c r="B80" s="15"/>
      <c r="C80" s="15"/>
      <c r="D80" s="15"/>
      <c r="E80" s="15"/>
      <c r="F80" s="16"/>
      <c r="G80" s="15"/>
      <c r="H80" s="15"/>
      <c r="I80" s="15"/>
      <c r="J80" s="15"/>
      <c r="K80" s="15"/>
    </row>
    <row r="81" spans="1:11" x14ac:dyDescent="0.2">
      <c r="A81"/>
      <c r="B81" s="15"/>
      <c r="C81" s="15"/>
      <c r="D81" s="15"/>
      <c r="E81" s="15"/>
      <c r="F81" s="16"/>
      <c r="G81" s="15"/>
      <c r="H81" s="15"/>
      <c r="I81" s="15"/>
      <c r="J81" s="15"/>
      <c r="K81" s="15"/>
    </row>
    <row r="82" spans="1:11" x14ac:dyDescent="0.2">
      <c r="A82"/>
      <c r="B82" s="15"/>
      <c r="C82" s="15"/>
      <c r="D82" s="15"/>
      <c r="E82" s="15"/>
      <c r="F82" s="16"/>
      <c r="G82" s="15"/>
      <c r="H82" s="15"/>
      <c r="I82" s="15"/>
      <c r="J82" s="15"/>
      <c r="K82" s="15"/>
    </row>
    <row r="83" spans="1:11" x14ac:dyDescent="0.2">
      <c r="A83"/>
      <c r="B83" s="15"/>
      <c r="C83" s="15"/>
      <c r="D83" s="15"/>
      <c r="E83" s="15"/>
      <c r="F83" s="16"/>
      <c r="G83" s="15"/>
      <c r="H83" s="15"/>
      <c r="I83" s="15"/>
      <c r="J83" s="15"/>
      <c r="K83" s="15"/>
    </row>
    <row r="84" spans="1:11" x14ac:dyDescent="0.2">
      <c r="A84"/>
      <c r="B84" s="15"/>
      <c r="C84" s="15"/>
      <c r="D84" s="15"/>
      <c r="E84" s="15"/>
      <c r="F84" s="16"/>
      <c r="G84" s="15"/>
      <c r="H84" s="15"/>
      <c r="I84" s="15"/>
      <c r="J84" s="15"/>
      <c r="K84" s="15"/>
    </row>
    <row r="85" spans="1:11" x14ac:dyDescent="0.2">
      <c r="A85"/>
      <c r="B85" s="15"/>
      <c r="C85" s="15"/>
      <c r="D85" s="15"/>
      <c r="E85" s="15"/>
      <c r="F85" s="16"/>
      <c r="G85" s="15"/>
      <c r="H85" s="15"/>
      <c r="I85" s="15"/>
      <c r="J85" s="15"/>
      <c r="K85" s="15"/>
    </row>
    <row r="86" spans="1:11" x14ac:dyDescent="0.2">
      <c r="A86"/>
      <c r="B86" s="15"/>
      <c r="C86" s="15"/>
      <c r="D86" s="15"/>
      <c r="E86" s="15"/>
      <c r="F86" s="16"/>
      <c r="G86" s="15"/>
      <c r="H86" s="15"/>
      <c r="I86" s="15"/>
      <c r="J86" s="15"/>
      <c r="K86" s="15"/>
    </row>
    <row r="87" spans="1:11" x14ac:dyDescent="0.2">
      <c r="B87" s="15"/>
      <c r="C87" s="15"/>
      <c r="D87" s="15"/>
      <c r="E87" s="15"/>
      <c r="F87" s="15"/>
      <c r="G87" s="15"/>
      <c r="H87" s="15"/>
      <c r="I87" s="15"/>
      <c r="J87" s="15"/>
      <c r="K87" s="15"/>
    </row>
    <row r="88" spans="1:11" x14ac:dyDescent="0.2">
      <c r="B88" s="15"/>
      <c r="C88" s="15"/>
      <c r="D88" s="15"/>
      <c r="E88" s="15"/>
      <c r="F88" s="16"/>
      <c r="G88" s="15"/>
      <c r="H88" s="15"/>
      <c r="I88" s="15"/>
      <c r="J88" s="15"/>
      <c r="K88" s="15"/>
    </row>
    <row r="89" spans="1:11" x14ac:dyDescent="0.2">
      <c r="B89" s="15"/>
      <c r="C89" s="15"/>
      <c r="D89" s="15"/>
      <c r="E89" s="15"/>
      <c r="F89" s="16"/>
      <c r="G89" s="15"/>
      <c r="H89" s="15"/>
      <c r="I89" s="15"/>
      <c r="J89" s="15"/>
      <c r="K89" s="15"/>
    </row>
    <row r="90" spans="1:11" x14ac:dyDescent="0.2">
      <c r="B90" s="15"/>
      <c r="C90" s="15"/>
      <c r="D90" s="15"/>
      <c r="E90" s="15"/>
      <c r="F90" s="16"/>
      <c r="G90" s="15"/>
      <c r="H90" s="15"/>
      <c r="I90" s="15"/>
      <c r="J90" s="15"/>
      <c r="K90" s="15"/>
    </row>
    <row r="91" spans="1:11" x14ac:dyDescent="0.2">
      <c r="B91" s="15"/>
      <c r="C91" s="15"/>
      <c r="D91" s="15"/>
      <c r="E91" s="15"/>
      <c r="F91" s="16"/>
      <c r="G91" s="15"/>
      <c r="H91" s="15"/>
      <c r="I91" s="15"/>
      <c r="J91" s="15"/>
      <c r="K91" s="15"/>
    </row>
    <row r="92" spans="1:11" x14ac:dyDescent="0.2">
      <c r="B92" s="15"/>
      <c r="C92" s="15"/>
      <c r="D92" s="15"/>
      <c r="E92" s="15"/>
      <c r="F92" s="16"/>
      <c r="G92" s="15"/>
      <c r="H92" s="15"/>
      <c r="I92" s="15"/>
      <c r="J92" s="15"/>
      <c r="K92" s="15"/>
    </row>
    <row r="93" spans="1:11" x14ac:dyDescent="0.2">
      <c r="B93" s="15"/>
      <c r="C93" s="15"/>
      <c r="D93" s="15"/>
      <c r="E93" s="15"/>
      <c r="F93" s="16"/>
      <c r="G93" s="15"/>
      <c r="H93" s="15"/>
      <c r="I93" s="15"/>
      <c r="J93" s="15"/>
      <c r="K93" s="15"/>
    </row>
    <row r="94" spans="1:11" x14ac:dyDescent="0.2">
      <c r="B94" s="15"/>
      <c r="C94" s="15"/>
      <c r="D94" s="15"/>
      <c r="E94" s="15"/>
      <c r="F94" s="16"/>
      <c r="G94" s="15"/>
      <c r="H94" s="15"/>
      <c r="I94" s="15"/>
      <c r="J94" s="15"/>
      <c r="K94" s="15"/>
    </row>
    <row r="95" spans="1:11" x14ac:dyDescent="0.2">
      <c r="B95" s="15"/>
      <c r="C95" s="15"/>
      <c r="D95" s="15"/>
      <c r="E95" s="15"/>
      <c r="F95" s="16"/>
      <c r="G95" s="15"/>
      <c r="H95" s="15"/>
      <c r="I95" s="15"/>
      <c r="J95" s="15"/>
      <c r="K95" s="15"/>
    </row>
    <row r="96" spans="1:11" x14ac:dyDescent="0.2">
      <c r="B96" s="15"/>
      <c r="C96" s="15"/>
      <c r="D96" s="15"/>
      <c r="E96" s="15"/>
      <c r="F96" s="16"/>
      <c r="G96" s="15"/>
      <c r="H96" s="15"/>
      <c r="I96" s="15"/>
      <c r="J96" s="15"/>
      <c r="K96" s="15"/>
    </row>
    <row r="97" spans="2:11" x14ac:dyDescent="0.2">
      <c r="B97" s="15"/>
      <c r="C97" s="15"/>
      <c r="D97" s="15"/>
      <c r="E97" s="15"/>
      <c r="F97" s="16"/>
      <c r="G97" s="15"/>
      <c r="H97" s="15"/>
      <c r="I97" s="15"/>
      <c r="J97" s="15"/>
      <c r="K97" s="15"/>
    </row>
    <row r="98" spans="2:11" x14ac:dyDescent="0.2">
      <c r="B98" s="15"/>
      <c r="C98" s="15"/>
      <c r="D98" s="15"/>
      <c r="E98" s="15"/>
      <c r="F98" s="16"/>
      <c r="G98" s="15"/>
      <c r="H98" s="15"/>
      <c r="I98" s="15"/>
      <c r="J98" s="15"/>
      <c r="K98" s="15"/>
    </row>
    <row r="99" spans="2:11" x14ac:dyDescent="0.2">
      <c r="B99" s="15"/>
      <c r="C99" s="15"/>
      <c r="D99" s="15"/>
      <c r="E99" s="15"/>
      <c r="F99" s="16"/>
      <c r="G99" s="15"/>
      <c r="H99" s="15"/>
      <c r="I99" s="15"/>
      <c r="J99" s="15"/>
      <c r="K99" s="15"/>
    </row>
    <row r="100" spans="2:11" x14ac:dyDescent="0.2">
      <c r="B100" s="17"/>
      <c r="C100" s="15"/>
      <c r="D100" s="15"/>
      <c r="E100" s="15"/>
      <c r="F100" s="16"/>
      <c r="G100" s="15"/>
      <c r="H100" s="15"/>
      <c r="I100" s="15"/>
      <c r="J100" s="15"/>
      <c r="K100" s="15"/>
    </row>
    <row r="101" spans="2:11" x14ac:dyDescent="0.2">
      <c r="B101" s="15"/>
      <c r="C101" s="15"/>
      <c r="D101" s="15"/>
      <c r="E101" s="15"/>
      <c r="F101" s="16"/>
      <c r="G101" s="15"/>
      <c r="H101" s="15"/>
      <c r="I101" s="15"/>
      <c r="J101" s="15"/>
      <c r="K101" s="15"/>
    </row>
    <row r="102" spans="2:11" x14ac:dyDescent="0.2">
      <c r="B102" s="15"/>
      <c r="C102" s="15"/>
      <c r="D102" s="15"/>
      <c r="E102" s="15"/>
      <c r="F102" s="16"/>
      <c r="G102" s="15"/>
      <c r="H102" s="15"/>
      <c r="I102" s="15"/>
      <c r="J102" s="15"/>
      <c r="K102" s="15"/>
    </row>
    <row r="103" spans="2:11" x14ac:dyDescent="0.2">
      <c r="B103" s="15"/>
      <c r="C103" s="17"/>
      <c r="D103" s="15"/>
      <c r="E103" s="15"/>
      <c r="F103" s="16"/>
      <c r="G103" s="15"/>
      <c r="H103" s="15"/>
      <c r="I103" s="15"/>
      <c r="J103" s="15"/>
      <c r="K103" s="15"/>
    </row>
    <row r="104" spans="2:11" x14ac:dyDescent="0.2">
      <c r="B104" s="15"/>
      <c r="C104" s="17"/>
      <c r="D104" s="15"/>
      <c r="E104" s="15"/>
      <c r="F104" s="16"/>
      <c r="G104" s="15"/>
      <c r="H104" s="15"/>
      <c r="I104" s="15"/>
      <c r="J104" s="15"/>
      <c r="K104" s="15"/>
    </row>
    <row r="105" spans="2:11" x14ac:dyDescent="0.2">
      <c r="B105" s="15"/>
      <c r="C105" s="17"/>
      <c r="D105" s="15"/>
      <c r="E105" s="15"/>
      <c r="F105" s="16"/>
      <c r="G105" s="15"/>
      <c r="H105" s="15"/>
      <c r="I105" s="15"/>
      <c r="J105" s="15"/>
      <c r="K105" s="15"/>
    </row>
    <row r="106" spans="2:11" x14ac:dyDescent="0.2">
      <c r="B106" s="15"/>
      <c r="C106" s="17"/>
      <c r="D106" s="15"/>
      <c r="E106" s="15"/>
      <c r="F106" s="16"/>
      <c r="G106" s="15"/>
      <c r="H106" s="15"/>
      <c r="I106" s="15"/>
      <c r="J106" s="15"/>
      <c r="K106" s="15"/>
    </row>
    <row r="107" spans="2:11" x14ac:dyDescent="0.2">
      <c r="B107" s="15"/>
      <c r="C107" s="17"/>
      <c r="D107" s="15"/>
      <c r="E107" s="15"/>
      <c r="F107" s="16"/>
      <c r="G107" s="15"/>
      <c r="H107" s="15"/>
      <c r="I107" s="15"/>
      <c r="J107" s="15"/>
      <c r="K107" s="15"/>
    </row>
    <row r="108" spans="2:11" x14ac:dyDescent="0.2">
      <c r="B108" s="15"/>
      <c r="C108" s="15"/>
      <c r="D108" s="15"/>
      <c r="E108" s="15"/>
      <c r="F108" s="16"/>
      <c r="G108" s="15"/>
      <c r="H108" s="15"/>
      <c r="I108" s="15"/>
      <c r="J108" s="15"/>
      <c r="K108" s="15"/>
    </row>
    <row r="109" spans="2:11" x14ac:dyDescent="0.2">
      <c r="B109" s="15"/>
      <c r="C109" s="17"/>
      <c r="D109" s="15"/>
      <c r="E109" s="15"/>
      <c r="F109" s="16"/>
      <c r="G109" s="15"/>
      <c r="H109" s="15"/>
      <c r="I109" s="15"/>
      <c r="J109" s="15"/>
      <c r="K109" s="15"/>
    </row>
    <row r="110" spans="2:11" x14ac:dyDescent="0.2">
      <c r="B110" s="15"/>
      <c r="C110" s="17"/>
      <c r="D110" s="15"/>
      <c r="E110" s="15"/>
      <c r="F110" s="16"/>
      <c r="G110" s="15"/>
      <c r="H110" s="15"/>
      <c r="I110" s="15"/>
      <c r="J110" s="15"/>
      <c r="K110" s="15"/>
    </row>
    <row r="111" spans="2:11" x14ac:dyDescent="0.2">
      <c r="B111" s="15"/>
      <c r="C111" s="15"/>
      <c r="D111" s="15"/>
      <c r="E111" s="15"/>
      <c r="F111" s="16"/>
      <c r="G111" s="15"/>
      <c r="H111" s="15"/>
      <c r="I111" s="15"/>
      <c r="J111" s="15"/>
      <c r="K111" s="15"/>
    </row>
    <row r="112" spans="2:11" x14ac:dyDescent="0.2">
      <c r="B112" s="15"/>
      <c r="C112" s="17"/>
      <c r="D112" s="15"/>
      <c r="E112" s="15"/>
      <c r="F112" s="16"/>
      <c r="G112" s="15"/>
      <c r="H112" s="15"/>
      <c r="I112" s="15"/>
      <c r="J112" s="15"/>
      <c r="K112" s="15"/>
    </row>
    <row r="113" spans="2:11" x14ac:dyDescent="0.2">
      <c r="B113" s="15"/>
      <c r="C113" s="17"/>
      <c r="D113" s="15"/>
      <c r="E113" s="15"/>
      <c r="F113" s="16"/>
      <c r="G113" s="15"/>
      <c r="H113" s="15"/>
      <c r="I113" s="15"/>
      <c r="J113" s="15"/>
      <c r="K113" s="15"/>
    </row>
    <row r="114" spans="2:11" x14ac:dyDescent="0.2">
      <c r="B114" s="15"/>
      <c r="C114" s="17"/>
      <c r="D114" s="15"/>
      <c r="E114" s="15"/>
      <c r="F114" s="16"/>
      <c r="G114" s="15"/>
      <c r="H114" s="15"/>
      <c r="I114" s="15"/>
      <c r="J114" s="15"/>
      <c r="K114" s="15"/>
    </row>
    <row r="115" spans="2:11" x14ac:dyDescent="0.2">
      <c r="B115" s="15"/>
      <c r="C115" s="15"/>
      <c r="D115" s="15"/>
      <c r="E115" s="15"/>
      <c r="F115" s="16"/>
      <c r="G115" s="15"/>
      <c r="H115" s="15"/>
      <c r="I115" s="15"/>
      <c r="J115" s="15"/>
      <c r="K115" s="15"/>
    </row>
    <row r="116" spans="2:11" x14ac:dyDescent="0.2">
      <c r="B116" s="15"/>
      <c r="C116" s="17"/>
      <c r="D116" s="15"/>
      <c r="E116" s="15"/>
      <c r="F116" s="16"/>
      <c r="G116" s="15"/>
      <c r="H116" s="15"/>
      <c r="I116" s="15"/>
      <c r="J116" s="15"/>
      <c r="K116" s="15"/>
    </row>
    <row r="117" spans="2:11" x14ac:dyDescent="0.2">
      <c r="B117" s="15"/>
      <c r="C117" s="17"/>
      <c r="D117" s="15"/>
      <c r="E117" s="15"/>
      <c r="F117" s="16"/>
      <c r="G117" s="15"/>
      <c r="H117" s="15"/>
      <c r="I117" s="15"/>
      <c r="J117" s="15"/>
      <c r="K117" s="15"/>
    </row>
    <row r="118" spans="2:11" x14ac:dyDescent="0.2">
      <c r="B118" s="15"/>
      <c r="C118" s="17"/>
      <c r="D118" s="15"/>
      <c r="E118" s="15"/>
      <c r="F118" s="16"/>
      <c r="G118" s="15"/>
      <c r="H118" s="15"/>
      <c r="I118" s="15"/>
      <c r="J118" s="15"/>
      <c r="K118" s="15"/>
    </row>
    <row r="119" spans="2:11" x14ac:dyDescent="0.2">
      <c r="B119" s="15"/>
      <c r="C119" s="17"/>
      <c r="D119" s="15"/>
      <c r="E119" s="15"/>
      <c r="F119" s="16"/>
      <c r="G119" s="15"/>
      <c r="H119" s="15"/>
      <c r="I119" s="15"/>
      <c r="J119" s="15"/>
      <c r="K119" s="15"/>
    </row>
    <row r="120" spans="2:11" x14ac:dyDescent="0.2">
      <c r="B120" s="15"/>
      <c r="C120" s="15"/>
      <c r="D120" s="15"/>
      <c r="E120" s="15"/>
      <c r="F120" s="16"/>
      <c r="G120" s="15"/>
      <c r="H120" s="15"/>
      <c r="I120" s="15"/>
      <c r="J120" s="15"/>
      <c r="K120" s="15"/>
    </row>
    <row r="121" spans="2:11" x14ac:dyDescent="0.2">
      <c r="B121" s="15"/>
      <c r="C121" s="15"/>
      <c r="D121" s="15"/>
      <c r="E121" s="15"/>
      <c r="F121" s="16"/>
      <c r="G121" s="15"/>
      <c r="H121" s="15"/>
      <c r="I121" s="15"/>
      <c r="J121" s="15"/>
      <c r="K121" s="15"/>
    </row>
    <row r="122" spans="2:11" x14ac:dyDescent="0.2">
      <c r="B122" s="15"/>
      <c r="C122" s="17"/>
      <c r="D122" s="15"/>
      <c r="E122" s="15"/>
      <c r="F122" s="16"/>
      <c r="G122" s="15"/>
      <c r="H122" s="15"/>
      <c r="I122" s="15"/>
      <c r="J122" s="15"/>
      <c r="K122" s="15"/>
    </row>
    <row r="123" spans="2:11" x14ac:dyDescent="0.2">
      <c r="B123" s="15"/>
      <c r="C123" s="17"/>
      <c r="D123" s="15"/>
      <c r="E123" s="15"/>
      <c r="F123" s="16"/>
      <c r="G123" s="15"/>
      <c r="H123" s="15"/>
      <c r="I123" s="15"/>
      <c r="J123" s="15"/>
      <c r="K123" s="15"/>
    </row>
    <row r="124" spans="2:11" x14ac:dyDescent="0.2">
      <c r="B124" s="15"/>
      <c r="C124" s="17"/>
      <c r="D124" s="15"/>
      <c r="E124" s="15"/>
      <c r="F124" s="16"/>
      <c r="G124" s="15"/>
      <c r="H124" s="15"/>
      <c r="I124" s="15"/>
      <c r="J124" s="15"/>
      <c r="K124" s="15"/>
    </row>
    <row r="125" spans="2:11" x14ac:dyDescent="0.2">
      <c r="B125" s="15"/>
      <c r="C125" s="17"/>
      <c r="D125" s="15"/>
      <c r="E125" s="15"/>
      <c r="F125" s="16"/>
      <c r="G125" s="15"/>
      <c r="H125" s="15"/>
      <c r="I125" s="15"/>
      <c r="J125" s="15"/>
      <c r="K125" s="15"/>
    </row>
    <row r="126" spans="2:11" x14ac:dyDescent="0.2">
      <c r="B126" s="15"/>
      <c r="C126" s="15"/>
      <c r="D126" s="15"/>
      <c r="E126" s="15"/>
      <c r="F126" s="16"/>
      <c r="G126" s="15"/>
      <c r="H126" s="15"/>
      <c r="I126" s="15"/>
      <c r="J126" s="15"/>
      <c r="K126" s="15"/>
    </row>
    <row r="127" spans="2:11" x14ac:dyDescent="0.2">
      <c r="B127" s="15"/>
      <c r="C127" s="15"/>
      <c r="D127" s="15"/>
      <c r="E127" s="15"/>
      <c r="F127" s="16"/>
      <c r="G127" s="15"/>
      <c r="H127" s="15"/>
      <c r="I127" s="15"/>
      <c r="J127" s="15"/>
      <c r="K127" s="15"/>
    </row>
    <row r="128" spans="2:11" x14ac:dyDescent="0.2">
      <c r="B128" s="15"/>
      <c r="C128" s="15"/>
      <c r="D128" s="15"/>
      <c r="E128" s="15"/>
      <c r="F128" s="16"/>
      <c r="G128" s="15"/>
      <c r="H128" s="15"/>
      <c r="I128" s="15"/>
      <c r="J128" s="15"/>
      <c r="K128" s="15"/>
    </row>
    <row r="129" spans="2:11" x14ac:dyDescent="0.2">
      <c r="B129" s="15"/>
      <c r="C129" s="15"/>
      <c r="D129" s="15"/>
      <c r="E129" s="15"/>
      <c r="F129" s="16"/>
      <c r="G129" s="15"/>
      <c r="H129" s="15"/>
      <c r="I129" s="15"/>
      <c r="J129" s="15"/>
      <c r="K129" s="15"/>
    </row>
    <row r="130" spans="2:11" x14ac:dyDescent="0.2">
      <c r="B130" s="15"/>
      <c r="C130" s="15"/>
      <c r="D130" s="15"/>
      <c r="E130" s="15"/>
      <c r="F130" s="16"/>
      <c r="G130" s="15"/>
      <c r="H130" s="15"/>
      <c r="I130" s="15"/>
      <c r="J130" s="15"/>
      <c r="K130" s="15"/>
    </row>
    <row r="131" spans="2:11" x14ac:dyDescent="0.2">
      <c r="B131" s="15"/>
      <c r="C131" s="15"/>
      <c r="D131" s="15"/>
      <c r="E131" s="15"/>
      <c r="F131" s="16"/>
      <c r="G131" s="15"/>
      <c r="H131" s="15"/>
      <c r="I131" s="15"/>
      <c r="J131" s="15"/>
      <c r="K131" s="15"/>
    </row>
    <row r="132" spans="2:11" x14ac:dyDescent="0.2">
      <c r="B132" s="15"/>
      <c r="C132" s="15"/>
      <c r="D132" s="15"/>
      <c r="E132" s="15"/>
      <c r="F132" s="16"/>
      <c r="G132" s="15"/>
      <c r="H132" s="15"/>
      <c r="I132" s="15"/>
      <c r="J132" s="15"/>
      <c r="K132" s="15"/>
    </row>
    <row r="133" spans="2:11" x14ac:dyDescent="0.2">
      <c r="B133" s="15"/>
      <c r="C133" s="15"/>
      <c r="D133" s="15"/>
      <c r="E133" s="15"/>
      <c r="F133" s="16"/>
      <c r="G133" s="15"/>
      <c r="H133" s="15"/>
      <c r="I133" s="15"/>
      <c r="J133" s="15"/>
      <c r="K133" s="15"/>
    </row>
    <row r="134" spans="2:11" x14ac:dyDescent="0.2">
      <c r="B134" s="15"/>
      <c r="C134" s="15"/>
      <c r="D134" s="15"/>
      <c r="E134" s="15"/>
      <c r="F134" s="16"/>
      <c r="G134" s="15"/>
      <c r="H134" s="15"/>
      <c r="I134" s="15"/>
      <c r="J134" s="15"/>
      <c r="K134" s="15"/>
    </row>
    <row r="135" spans="2:11" x14ac:dyDescent="0.2">
      <c r="B135" s="15"/>
      <c r="C135" s="15"/>
      <c r="D135" s="15"/>
      <c r="E135" s="15"/>
      <c r="F135" s="16"/>
      <c r="G135" s="15"/>
      <c r="H135" s="15"/>
      <c r="I135" s="15"/>
      <c r="J135" s="15"/>
      <c r="K135" s="15"/>
    </row>
    <row r="136" spans="2:11" x14ac:dyDescent="0.2">
      <c r="B136" s="15"/>
      <c r="C136" s="15"/>
      <c r="D136" s="15"/>
      <c r="E136" s="15"/>
      <c r="F136" s="16"/>
      <c r="G136" s="15"/>
      <c r="H136" s="15"/>
      <c r="I136" s="15"/>
      <c r="J136" s="15"/>
      <c r="K136" s="15"/>
    </row>
    <row r="137" spans="2:11" x14ac:dyDescent="0.2">
      <c r="B137" s="15"/>
      <c r="C137" s="15"/>
      <c r="D137" s="15"/>
      <c r="E137" s="15"/>
      <c r="F137" s="16"/>
      <c r="G137" s="15"/>
      <c r="H137" s="15"/>
      <c r="I137" s="15"/>
      <c r="J137" s="15"/>
      <c r="K137" s="15"/>
    </row>
    <row r="138" spans="2:11" x14ac:dyDescent="0.2">
      <c r="B138" s="15"/>
      <c r="C138" s="15"/>
      <c r="D138" s="15"/>
      <c r="E138" s="15"/>
      <c r="F138" s="16"/>
      <c r="G138" s="15"/>
      <c r="H138" s="15"/>
      <c r="I138" s="15"/>
      <c r="J138" s="15"/>
      <c r="K138" s="15"/>
    </row>
    <row r="139" spans="2:11" x14ac:dyDescent="0.2">
      <c r="B139" s="15"/>
      <c r="C139" s="15"/>
      <c r="D139" s="15"/>
      <c r="E139" s="15"/>
      <c r="F139" s="16"/>
      <c r="G139" s="15"/>
      <c r="H139" s="15"/>
      <c r="I139" s="15"/>
      <c r="J139" s="15"/>
      <c r="K139" s="15"/>
    </row>
    <row r="140" spans="2:11" x14ac:dyDescent="0.2">
      <c r="B140" s="15"/>
      <c r="C140" s="15"/>
      <c r="D140" s="15"/>
      <c r="E140" s="15"/>
      <c r="F140" s="16"/>
      <c r="G140" s="15"/>
      <c r="H140" s="15"/>
      <c r="I140" s="15"/>
      <c r="J140" s="15"/>
      <c r="K140" s="15"/>
    </row>
    <row r="141" spans="2:11" x14ac:dyDescent="0.2">
      <c r="B141" s="15"/>
      <c r="C141" s="15"/>
      <c r="D141" s="15"/>
      <c r="E141" s="15"/>
      <c r="F141" s="16"/>
      <c r="G141" s="15"/>
      <c r="H141" s="15"/>
      <c r="I141" s="15"/>
      <c r="J141" s="15"/>
      <c r="K141" s="15"/>
    </row>
    <row r="142" spans="2:11" x14ac:dyDescent="0.2">
      <c r="B142" s="15"/>
      <c r="C142" s="15"/>
      <c r="D142" s="15"/>
      <c r="E142" s="15"/>
      <c r="F142" s="16"/>
      <c r="G142" s="15"/>
      <c r="H142" s="15"/>
      <c r="I142" s="15"/>
      <c r="J142" s="15"/>
      <c r="K142" s="15"/>
    </row>
    <row r="143" spans="2:11" x14ac:dyDescent="0.2">
      <c r="B143" s="15"/>
      <c r="C143" s="15"/>
      <c r="D143" s="15"/>
      <c r="E143" s="15"/>
      <c r="F143" s="16"/>
      <c r="G143" s="15"/>
      <c r="H143" s="15"/>
      <c r="I143" s="15"/>
      <c r="J143" s="15"/>
      <c r="K143" s="15"/>
    </row>
    <row r="144" spans="2:11" x14ac:dyDescent="0.2">
      <c r="B144" s="15"/>
      <c r="C144" s="15"/>
      <c r="D144" s="15"/>
      <c r="E144" s="15"/>
      <c r="F144" s="16"/>
      <c r="G144" s="15"/>
      <c r="H144" s="15"/>
      <c r="I144" s="15"/>
      <c r="J144" s="15"/>
      <c r="K144" s="15"/>
    </row>
    <row r="145" spans="2:6" x14ac:dyDescent="0.2">
      <c r="B145" s="15"/>
      <c r="C145" s="15"/>
      <c r="D145" s="15"/>
      <c r="E145" s="15"/>
      <c r="F145" s="16"/>
    </row>
    <row r="146" spans="2:6" x14ac:dyDescent="0.2">
      <c r="B146" s="15"/>
      <c r="C146" s="15"/>
      <c r="D146" s="15"/>
      <c r="E146" s="15"/>
      <c r="F146" s="16"/>
    </row>
    <row r="147" spans="2:6" x14ac:dyDescent="0.2">
      <c r="B147" s="15"/>
      <c r="C147" s="15"/>
      <c r="D147" s="15"/>
      <c r="E147" s="15"/>
      <c r="F147" s="16"/>
    </row>
    <row r="148" spans="2:6" x14ac:dyDescent="0.2">
      <c r="B148" s="15"/>
      <c r="C148" s="15"/>
      <c r="D148" s="15"/>
      <c r="E148" s="15"/>
      <c r="F148" s="16"/>
    </row>
    <row r="149" spans="2:6" x14ac:dyDescent="0.2">
      <c r="B149" s="15"/>
      <c r="C149" s="15"/>
      <c r="D149" s="15"/>
      <c r="E149" s="15"/>
      <c r="F149" s="16"/>
    </row>
    <row r="150" spans="2:6" x14ac:dyDescent="0.2">
      <c r="B150" s="15"/>
      <c r="C150" s="15"/>
      <c r="D150" s="15"/>
      <c r="E150" s="15"/>
      <c r="F150" s="16"/>
    </row>
    <row r="151" spans="2:6" x14ac:dyDescent="0.2">
      <c r="B151" s="15"/>
      <c r="C151" s="15"/>
      <c r="D151" s="15"/>
      <c r="E151" s="15"/>
      <c r="F151" s="16"/>
    </row>
    <row r="152" spans="2:6" x14ac:dyDescent="0.2">
      <c r="B152" s="15"/>
      <c r="C152" s="15"/>
      <c r="D152" s="15"/>
      <c r="E152" s="15"/>
      <c r="F152" s="16"/>
    </row>
    <row r="153" spans="2:6" x14ac:dyDescent="0.2">
      <c r="B153" s="15"/>
      <c r="C153" s="15"/>
      <c r="D153" s="15"/>
      <c r="E153" s="15"/>
      <c r="F153" s="16"/>
    </row>
    <row r="154" spans="2:6" x14ac:dyDescent="0.2">
      <c r="B154" s="15"/>
      <c r="C154" s="15"/>
      <c r="D154" s="15"/>
      <c r="E154" s="15"/>
      <c r="F154" s="16"/>
    </row>
    <row r="155" spans="2:6" x14ac:dyDescent="0.2">
      <c r="B155" s="15"/>
      <c r="C155" s="15"/>
      <c r="D155" s="15"/>
      <c r="E155" s="15"/>
      <c r="F155" s="16"/>
    </row>
    <row r="156" spans="2:6" x14ac:dyDescent="0.2">
      <c r="B156" s="15"/>
      <c r="C156" s="15"/>
      <c r="D156" s="15"/>
      <c r="E156" s="15"/>
      <c r="F156" s="16"/>
    </row>
    <row r="157" spans="2:6" x14ac:dyDescent="0.2">
      <c r="B157" s="15"/>
      <c r="C157" s="15"/>
      <c r="D157" s="15"/>
      <c r="E157" s="15"/>
      <c r="F157" s="16"/>
    </row>
    <row r="158" spans="2:6" x14ac:dyDescent="0.2">
      <c r="B158" s="15"/>
      <c r="C158" s="15"/>
      <c r="D158" s="15"/>
      <c r="E158" s="15"/>
      <c r="F158" s="16"/>
    </row>
    <row r="159" spans="2:6" x14ac:dyDescent="0.2">
      <c r="B159" s="15"/>
      <c r="C159" s="15"/>
      <c r="D159" s="15"/>
      <c r="E159" s="15"/>
      <c r="F159" s="16"/>
    </row>
    <row r="160" spans="2:6" x14ac:dyDescent="0.2">
      <c r="B160" s="15"/>
      <c r="C160" s="15"/>
      <c r="D160" s="15"/>
      <c r="E160" s="15"/>
      <c r="F160" s="16"/>
    </row>
    <row r="161" spans="2:6" x14ac:dyDescent="0.2">
      <c r="B161" s="15"/>
      <c r="C161" s="15"/>
      <c r="D161" s="15"/>
      <c r="E161" s="15"/>
      <c r="F161" s="16"/>
    </row>
    <row r="162" spans="2:6" x14ac:dyDescent="0.2">
      <c r="B162" s="15"/>
      <c r="C162" s="15"/>
      <c r="D162" s="15"/>
      <c r="E162" s="15"/>
      <c r="F162" s="16"/>
    </row>
    <row r="163" spans="2:6" x14ac:dyDescent="0.2">
      <c r="B163" s="15"/>
      <c r="C163" s="15"/>
      <c r="D163" s="15"/>
      <c r="E163" s="15"/>
      <c r="F163" s="16"/>
    </row>
    <row r="164" spans="2:6" x14ac:dyDescent="0.2">
      <c r="B164" s="15"/>
      <c r="C164" s="15"/>
      <c r="D164" s="15"/>
      <c r="E164" s="15"/>
      <c r="F164" s="16"/>
    </row>
    <row r="165" spans="2:6" x14ac:dyDescent="0.2">
      <c r="B165" s="15"/>
      <c r="C165" s="15"/>
      <c r="D165" s="15"/>
      <c r="E165" s="15"/>
      <c r="F165" s="16"/>
    </row>
    <row r="166" spans="2:6" x14ac:dyDescent="0.2">
      <c r="B166" s="15"/>
      <c r="C166" s="15"/>
      <c r="D166" s="15"/>
      <c r="E166" s="15"/>
      <c r="F166" s="16"/>
    </row>
    <row r="167" spans="2:6" x14ac:dyDescent="0.2">
      <c r="B167" s="15"/>
      <c r="C167" s="15"/>
      <c r="D167" s="15"/>
      <c r="E167" s="15"/>
      <c r="F167" s="16"/>
    </row>
    <row r="168" spans="2:6" x14ac:dyDescent="0.2">
      <c r="B168" s="15"/>
      <c r="C168" s="15"/>
      <c r="D168" s="15"/>
      <c r="E168" s="15"/>
      <c r="F168" s="16"/>
    </row>
    <row r="169" spans="2:6" x14ac:dyDescent="0.2">
      <c r="B169" s="15"/>
      <c r="C169" s="15"/>
      <c r="D169" s="15"/>
      <c r="E169" s="15"/>
      <c r="F169" s="16"/>
    </row>
    <row r="170" spans="2:6" x14ac:dyDescent="0.2">
      <c r="B170" s="15"/>
      <c r="C170" s="15"/>
      <c r="D170" s="15"/>
      <c r="E170" s="15"/>
      <c r="F170" s="16"/>
    </row>
    <row r="171" spans="2:6" x14ac:dyDescent="0.2">
      <c r="B171" s="15"/>
      <c r="C171" s="15"/>
      <c r="D171" s="15"/>
      <c r="E171" s="15"/>
      <c r="F171" s="16"/>
    </row>
    <row r="172" spans="2:6" x14ac:dyDescent="0.2">
      <c r="B172" s="15"/>
      <c r="C172" s="15"/>
      <c r="D172" s="15"/>
      <c r="E172" s="15"/>
      <c r="F172" s="16"/>
    </row>
    <row r="173" spans="2:6" x14ac:dyDescent="0.2">
      <c r="B173" s="15"/>
      <c r="C173" s="15"/>
      <c r="D173" s="15"/>
      <c r="E173" s="15"/>
      <c r="F173" s="16"/>
    </row>
    <row r="174" spans="2:6" x14ac:dyDescent="0.2">
      <c r="B174" s="15"/>
      <c r="C174" s="15"/>
      <c r="D174" s="15"/>
      <c r="E174" s="15"/>
      <c r="F174" s="16"/>
    </row>
    <row r="175" spans="2:6" x14ac:dyDescent="0.2">
      <c r="B175" s="15"/>
      <c r="C175" s="15"/>
      <c r="D175" s="15"/>
      <c r="E175" s="15"/>
      <c r="F175" s="16"/>
    </row>
    <row r="176" spans="2:6" x14ac:dyDescent="0.2">
      <c r="B176" s="15"/>
      <c r="C176" s="15"/>
      <c r="D176" s="15"/>
      <c r="E176" s="15"/>
      <c r="F176" s="16"/>
    </row>
    <row r="177" spans="2:6" x14ac:dyDescent="0.2">
      <c r="B177" s="15"/>
      <c r="C177" s="15"/>
      <c r="D177" s="15"/>
      <c r="E177" s="15"/>
      <c r="F177" s="16"/>
    </row>
    <row r="178" spans="2:6" x14ac:dyDescent="0.2">
      <c r="B178" s="15"/>
      <c r="C178" s="15"/>
      <c r="D178" s="15"/>
      <c r="E178" s="15"/>
      <c r="F178" s="16"/>
    </row>
    <row r="179" spans="2:6" x14ac:dyDescent="0.2">
      <c r="B179" s="15"/>
      <c r="C179" s="15"/>
      <c r="D179" s="15"/>
      <c r="E179" s="15"/>
      <c r="F179" s="16"/>
    </row>
  </sheetData>
  <phoneticPr fontId="0" type="noConversion"/>
  <conditionalFormatting sqref="R40">
    <cfRule type="duplicateValues" dxfId="891" priority="544" stopIfTrue="1"/>
  </conditionalFormatting>
  <conditionalFormatting sqref="R41">
    <cfRule type="duplicateValues" dxfId="890" priority="543" stopIfTrue="1"/>
  </conditionalFormatting>
  <conditionalFormatting sqref="R42">
    <cfRule type="duplicateValues" dxfId="889" priority="542" stopIfTrue="1"/>
  </conditionalFormatting>
  <conditionalFormatting sqref="R45">
    <cfRule type="duplicateValues" dxfId="888" priority="541" stopIfTrue="1"/>
  </conditionalFormatting>
  <conditionalFormatting sqref="R43">
    <cfRule type="duplicateValues" dxfId="887" priority="540" stopIfTrue="1"/>
  </conditionalFormatting>
  <conditionalFormatting sqref="R44">
    <cfRule type="duplicateValues" dxfId="886" priority="539" stopIfTrue="1"/>
  </conditionalFormatting>
  <conditionalFormatting sqref="R46">
    <cfRule type="duplicateValues" dxfId="885" priority="538" stopIfTrue="1"/>
  </conditionalFormatting>
  <conditionalFormatting sqref="R47">
    <cfRule type="duplicateValues" dxfId="884" priority="537" stopIfTrue="1"/>
  </conditionalFormatting>
  <conditionalFormatting sqref="R48">
    <cfRule type="duplicateValues" dxfId="883" priority="536" stopIfTrue="1"/>
  </conditionalFormatting>
  <conditionalFormatting sqref="R49">
    <cfRule type="duplicateValues" dxfId="882" priority="535" stopIfTrue="1"/>
  </conditionalFormatting>
  <conditionalFormatting sqref="R50">
    <cfRule type="duplicateValues" dxfId="881" priority="534" stopIfTrue="1"/>
  </conditionalFormatting>
  <conditionalFormatting sqref="R51">
    <cfRule type="duplicateValues" dxfId="880" priority="533" stopIfTrue="1"/>
  </conditionalFormatting>
  <conditionalFormatting sqref="R52">
    <cfRule type="duplicateValues" dxfId="879" priority="532" stopIfTrue="1"/>
  </conditionalFormatting>
  <conditionalFormatting sqref="R53">
    <cfRule type="duplicateValues" dxfId="878" priority="531" stopIfTrue="1"/>
  </conditionalFormatting>
  <conditionalFormatting sqref="R54">
    <cfRule type="duplicateValues" dxfId="877" priority="530" stopIfTrue="1"/>
  </conditionalFormatting>
  <conditionalFormatting sqref="R55">
    <cfRule type="duplicateValues" dxfId="876" priority="529" stopIfTrue="1"/>
  </conditionalFormatting>
  <conditionalFormatting sqref="R56">
    <cfRule type="duplicateValues" dxfId="875" priority="528" stopIfTrue="1"/>
  </conditionalFormatting>
  <conditionalFormatting sqref="R57">
    <cfRule type="duplicateValues" dxfId="874" priority="527" stopIfTrue="1"/>
  </conditionalFormatting>
  <conditionalFormatting sqref="R58">
    <cfRule type="duplicateValues" dxfId="873" priority="526" stopIfTrue="1"/>
  </conditionalFormatting>
  <conditionalFormatting sqref="R59">
    <cfRule type="duplicateValues" dxfId="872" priority="525" stopIfTrue="1"/>
  </conditionalFormatting>
  <conditionalFormatting sqref="R60">
    <cfRule type="duplicateValues" dxfId="871" priority="524" stopIfTrue="1"/>
  </conditionalFormatting>
  <conditionalFormatting sqref="R61">
    <cfRule type="duplicateValues" dxfId="870" priority="523" stopIfTrue="1"/>
  </conditionalFormatting>
  <conditionalFormatting sqref="R62">
    <cfRule type="duplicateValues" dxfId="869" priority="522" stopIfTrue="1"/>
  </conditionalFormatting>
  <conditionalFormatting sqref="R63">
    <cfRule type="duplicateValues" dxfId="868" priority="521" stopIfTrue="1"/>
  </conditionalFormatting>
  <conditionalFormatting sqref="R64">
    <cfRule type="duplicateValues" dxfId="867" priority="520" stopIfTrue="1"/>
  </conditionalFormatting>
  <conditionalFormatting sqref="R65">
    <cfRule type="duplicateValues" dxfId="866" priority="519" stopIfTrue="1"/>
  </conditionalFormatting>
  <conditionalFormatting sqref="R66">
    <cfRule type="duplicateValues" dxfId="865" priority="518" stopIfTrue="1"/>
  </conditionalFormatting>
  <conditionalFormatting sqref="R67">
    <cfRule type="duplicateValues" dxfId="864" priority="517" stopIfTrue="1"/>
  </conditionalFormatting>
  <conditionalFormatting sqref="R8">
    <cfRule type="duplicateValues" dxfId="863" priority="516" stopIfTrue="1"/>
  </conditionalFormatting>
  <conditionalFormatting sqref="R9">
    <cfRule type="duplicateValues" dxfId="862" priority="515" stopIfTrue="1"/>
  </conditionalFormatting>
  <conditionalFormatting sqref="R10">
    <cfRule type="duplicateValues" dxfId="861" priority="514" stopIfTrue="1"/>
  </conditionalFormatting>
  <conditionalFormatting sqref="R13">
    <cfRule type="duplicateValues" dxfId="860" priority="513" stopIfTrue="1"/>
  </conditionalFormatting>
  <conditionalFormatting sqref="R11">
    <cfRule type="duplicateValues" dxfId="859" priority="512" stopIfTrue="1"/>
  </conditionalFormatting>
  <conditionalFormatting sqref="R12">
    <cfRule type="duplicateValues" dxfId="858" priority="511" stopIfTrue="1"/>
  </conditionalFormatting>
  <conditionalFormatting sqref="R14">
    <cfRule type="duplicateValues" dxfId="857" priority="510" stopIfTrue="1"/>
  </conditionalFormatting>
  <conditionalFormatting sqref="R15">
    <cfRule type="duplicateValues" dxfId="856" priority="509" stopIfTrue="1"/>
  </conditionalFormatting>
  <conditionalFormatting sqref="R16">
    <cfRule type="duplicateValues" dxfId="855" priority="508" stopIfTrue="1"/>
  </conditionalFormatting>
  <conditionalFormatting sqref="R17">
    <cfRule type="duplicateValues" dxfId="854" priority="507" stopIfTrue="1"/>
  </conditionalFormatting>
  <conditionalFormatting sqref="R18">
    <cfRule type="duplicateValues" dxfId="853" priority="506" stopIfTrue="1"/>
  </conditionalFormatting>
  <conditionalFormatting sqref="R19">
    <cfRule type="duplicateValues" dxfId="852" priority="505" stopIfTrue="1"/>
  </conditionalFormatting>
  <conditionalFormatting sqref="R20">
    <cfRule type="duplicateValues" dxfId="851" priority="504" stopIfTrue="1"/>
  </conditionalFormatting>
  <conditionalFormatting sqref="R21">
    <cfRule type="duplicateValues" dxfId="850" priority="503" stopIfTrue="1"/>
  </conditionalFormatting>
  <conditionalFormatting sqref="R22">
    <cfRule type="duplicateValues" dxfId="849" priority="502" stopIfTrue="1"/>
  </conditionalFormatting>
  <conditionalFormatting sqref="R23">
    <cfRule type="duplicateValues" dxfId="848" priority="501" stopIfTrue="1"/>
  </conditionalFormatting>
  <conditionalFormatting sqref="R24">
    <cfRule type="duplicateValues" dxfId="847" priority="500" stopIfTrue="1"/>
  </conditionalFormatting>
  <conditionalFormatting sqref="R25">
    <cfRule type="duplicateValues" dxfId="846" priority="499" stopIfTrue="1"/>
  </conditionalFormatting>
  <conditionalFormatting sqref="R26">
    <cfRule type="duplicateValues" dxfId="845" priority="498" stopIfTrue="1"/>
  </conditionalFormatting>
  <conditionalFormatting sqref="R27">
    <cfRule type="duplicateValues" dxfId="844" priority="497" stopIfTrue="1"/>
  </conditionalFormatting>
  <conditionalFormatting sqref="R28">
    <cfRule type="duplicateValues" dxfId="843" priority="496" stopIfTrue="1"/>
  </conditionalFormatting>
  <conditionalFormatting sqref="R29">
    <cfRule type="duplicateValues" dxfId="842" priority="495" stopIfTrue="1"/>
  </conditionalFormatting>
  <conditionalFormatting sqref="R30">
    <cfRule type="duplicateValues" dxfId="841" priority="494" stopIfTrue="1"/>
  </conditionalFormatting>
  <conditionalFormatting sqref="R31">
    <cfRule type="duplicateValues" dxfId="840" priority="493" stopIfTrue="1"/>
  </conditionalFormatting>
  <conditionalFormatting sqref="R32">
    <cfRule type="duplicateValues" dxfId="839" priority="492" stopIfTrue="1"/>
  </conditionalFormatting>
  <conditionalFormatting sqref="R33">
    <cfRule type="duplicateValues" dxfId="838" priority="491" stopIfTrue="1"/>
  </conditionalFormatting>
  <conditionalFormatting sqref="R34">
    <cfRule type="duplicateValues" dxfId="837" priority="490" stopIfTrue="1"/>
  </conditionalFormatting>
  <conditionalFormatting sqref="R35">
    <cfRule type="duplicateValues" dxfId="836" priority="489" stopIfTrue="1"/>
  </conditionalFormatting>
  <conditionalFormatting sqref="B8">
    <cfRule type="duplicateValues" dxfId="835" priority="488" stopIfTrue="1"/>
  </conditionalFormatting>
  <conditionalFormatting sqref="B9">
    <cfRule type="duplicateValues" dxfId="834" priority="487" stopIfTrue="1"/>
  </conditionalFormatting>
  <conditionalFormatting sqref="B10">
    <cfRule type="duplicateValues" dxfId="833" priority="486" stopIfTrue="1"/>
  </conditionalFormatting>
  <conditionalFormatting sqref="B13">
    <cfRule type="duplicateValues" dxfId="832" priority="485" stopIfTrue="1"/>
  </conditionalFormatting>
  <conditionalFormatting sqref="B11">
    <cfRule type="duplicateValues" dxfId="831" priority="484" stopIfTrue="1"/>
  </conditionalFormatting>
  <conditionalFormatting sqref="B12">
    <cfRule type="duplicateValues" dxfId="830" priority="483" stopIfTrue="1"/>
  </conditionalFormatting>
  <conditionalFormatting sqref="B14">
    <cfRule type="duplicateValues" dxfId="829" priority="482" stopIfTrue="1"/>
  </conditionalFormatting>
  <conditionalFormatting sqref="B15">
    <cfRule type="duplicateValues" dxfId="828" priority="481" stopIfTrue="1"/>
  </conditionalFormatting>
  <conditionalFormatting sqref="B16">
    <cfRule type="duplicateValues" dxfId="827" priority="480" stopIfTrue="1"/>
  </conditionalFormatting>
  <conditionalFormatting sqref="B17">
    <cfRule type="duplicateValues" dxfId="826" priority="479" stopIfTrue="1"/>
  </conditionalFormatting>
  <conditionalFormatting sqref="B18">
    <cfRule type="duplicateValues" dxfId="825" priority="478" stopIfTrue="1"/>
  </conditionalFormatting>
  <conditionalFormatting sqref="B19">
    <cfRule type="duplicateValues" dxfId="824" priority="477" stopIfTrue="1"/>
  </conditionalFormatting>
  <conditionalFormatting sqref="B20">
    <cfRule type="duplicateValues" dxfId="823" priority="476" stopIfTrue="1"/>
  </conditionalFormatting>
  <conditionalFormatting sqref="B21">
    <cfRule type="duplicateValues" dxfId="822" priority="475" stopIfTrue="1"/>
  </conditionalFormatting>
  <conditionalFormatting sqref="B22">
    <cfRule type="duplicateValues" dxfId="821" priority="474" stopIfTrue="1"/>
  </conditionalFormatting>
  <conditionalFormatting sqref="B23">
    <cfRule type="duplicateValues" dxfId="820" priority="473" stopIfTrue="1"/>
  </conditionalFormatting>
  <conditionalFormatting sqref="B24">
    <cfRule type="duplicateValues" dxfId="819" priority="472" stopIfTrue="1"/>
  </conditionalFormatting>
  <conditionalFormatting sqref="B25">
    <cfRule type="duplicateValues" dxfId="818" priority="471" stopIfTrue="1"/>
  </conditionalFormatting>
  <conditionalFormatting sqref="B26">
    <cfRule type="duplicateValues" dxfId="817" priority="470" stopIfTrue="1"/>
  </conditionalFormatting>
  <conditionalFormatting sqref="B27">
    <cfRule type="duplicateValues" dxfId="816" priority="469" stopIfTrue="1"/>
  </conditionalFormatting>
  <conditionalFormatting sqref="B28">
    <cfRule type="duplicateValues" dxfId="815" priority="468" stopIfTrue="1"/>
  </conditionalFormatting>
  <conditionalFormatting sqref="B29">
    <cfRule type="duplicateValues" dxfId="814" priority="467" stopIfTrue="1"/>
  </conditionalFormatting>
  <conditionalFormatting sqref="B30">
    <cfRule type="duplicateValues" dxfId="813" priority="466" stopIfTrue="1"/>
  </conditionalFormatting>
  <conditionalFormatting sqref="B31">
    <cfRule type="duplicateValues" dxfId="812" priority="465" stopIfTrue="1"/>
  </conditionalFormatting>
  <conditionalFormatting sqref="B32">
    <cfRule type="duplicateValues" dxfId="811" priority="464" stopIfTrue="1"/>
  </conditionalFormatting>
  <conditionalFormatting sqref="B33">
    <cfRule type="duplicateValues" dxfId="810" priority="463" stopIfTrue="1"/>
  </conditionalFormatting>
  <conditionalFormatting sqref="B34">
    <cfRule type="duplicateValues" dxfId="809" priority="462" stopIfTrue="1"/>
  </conditionalFormatting>
  <conditionalFormatting sqref="B35">
    <cfRule type="duplicateValues" dxfId="808" priority="461" stopIfTrue="1"/>
  </conditionalFormatting>
  <conditionalFormatting sqref="J8">
    <cfRule type="duplicateValues" dxfId="807" priority="460" stopIfTrue="1"/>
  </conditionalFormatting>
  <conditionalFormatting sqref="J9">
    <cfRule type="duplicateValues" dxfId="806" priority="459" stopIfTrue="1"/>
  </conditionalFormatting>
  <conditionalFormatting sqref="J10">
    <cfRule type="duplicateValues" dxfId="805" priority="458" stopIfTrue="1"/>
  </conditionalFormatting>
  <conditionalFormatting sqref="J13">
    <cfRule type="duplicateValues" dxfId="804" priority="457" stopIfTrue="1"/>
  </conditionalFormatting>
  <conditionalFormatting sqref="J11">
    <cfRule type="duplicateValues" dxfId="803" priority="456" stopIfTrue="1"/>
  </conditionalFormatting>
  <conditionalFormatting sqref="J12">
    <cfRule type="duplicateValues" dxfId="802" priority="455" stopIfTrue="1"/>
  </conditionalFormatting>
  <conditionalFormatting sqref="J14">
    <cfRule type="duplicateValues" dxfId="801" priority="454" stopIfTrue="1"/>
  </conditionalFormatting>
  <conditionalFormatting sqref="J15">
    <cfRule type="duplicateValues" dxfId="800" priority="453" stopIfTrue="1"/>
  </conditionalFormatting>
  <conditionalFormatting sqref="J16">
    <cfRule type="duplicateValues" dxfId="799" priority="452" stopIfTrue="1"/>
  </conditionalFormatting>
  <conditionalFormatting sqref="J17">
    <cfRule type="duplicateValues" dxfId="798" priority="451" stopIfTrue="1"/>
  </conditionalFormatting>
  <conditionalFormatting sqref="J18">
    <cfRule type="duplicateValues" dxfId="797" priority="450" stopIfTrue="1"/>
  </conditionalFormatting>
  <conditionalFormatting sqref="J19">
    <cfRule type="duplicateValues" dxfId="796" priority="449" stopIfTrue="1"/>
  </conditionalFormatting>
  <conditionalFormatting sqref="J20">
    <cfRule type="duplicateValues" dxfId="795" priority="448" stopIfTrue="1"/>
  </conditionalFormatting>
  <conditionalFormatting sqref="J21">
    <cfRule type="duplicateValues" dxfId="794" priority="447" stopIfTrue="1"/>
  </conditionalFormatting>
  <conditionalFormatting sqref="J22">
    <cfRule type="duplicateValues" dxfId="793" priority="446" stopIfTrue="1"/>
  </conditionalFormatting>
  <conditionalFormatting sqref="J23">
    <cfRule type="duplicateValues" dxfId="792" priority="445" stopIfTrue="1"/>
  </conditionalFormatting>
  <conditionalFormatting sqref="J24">
    <cfRule type="duplicateValues" dxfId="791" priority="444" stopIfTrue="1"/>
  </conditionalFormatting>
  <conditionalFormatting sqref="J25">
    <cfRule type="duplicateValues" dxfId="790" priority="443" stopIfTrue="1"/>
  </conditionalFormatting>
  <conditionalFormatting sqref="J26">
    <cfRule type="duplicateValues" dxfId="789" priority="442" stopIfTrue="1"/>
  </conditionalFormatting>
  <conditionalFormatting sqref="J27">
    <cfRule type="duplicateValues" dxfId="788" priority="441" stopIfTrue="1"/>
  </conditionalFormatting>
  <conditionalFormatting sqref="J28">
    <cfRule type="duplicateValues" dxfId="787" priority="440" stopIfTrue="1"/>
  </conditionalFormatting>
  <conditionalFormatting sqref="J29">
    <cfRule type="duplicateValues" dxfId="786" priority="439" stopIfTrue="1"/>
  </conditionalFormatting>
  <conditionalFormatting sqref="J30">
    <cfRule type="duplicateValues" dxfId="785" priority="438" stopIfTrue="1"/>
  </conditionalFormatting>
  <conditionalFormatting sqref="J31">
    <cfRule type="duplicateValues" dxfId="784" priority="437" stopIfTrue="1"/>
  </conditionalFormatting>
  <conditionalFormatting sqref="J32">
    <cfRule type="duplicateValues" dxfId="783" priority="436" stopIfTrue="1"/>
  </conditionalFormatting>
  <conditionalFormatting sqref="J33">
    <cfRule type="duplicateValues" dxfId="782" priority="435" stopIfTrue="1"/>
  </conditionalFormatting>
  <conditionalFormatting sqref="J34">
    <cfRule type="duplicateValues" dxfId="781" priority="434" stopIfTrue="1"/>
  </conditionalFormatting>
  <conditionalFormatting sqref="J35">
    <cfRule type="duplicateValues" dxfId="780" priority="433" stopIfTrue="1"/>
  </conditionalFormatting>
  <conditionalFormatting sqref="F8">
    <cfRule type="duplicateValues" dxfId="779" priority="404" stopIfTrue="1"/>
  </conditionalFormatting>
  <conditionalFormatting sqref="F9">
    <cfRule type="duplicateValues" dxfId="778" priority="403" stopIfTrue="1"/>
  </conditionalFormatting>
  <conditionalFormatting sqref="F10">
    <cfRule type="duplicateValues" dxfId="777" priority="402" stopIfTrue="1"/>
  </conditionalFormatting>
  <conditionalFormatting sqref="F13">
    <cfRule type="duplicateValues" dxfId="776" priority="401" stopIfTrue="1"/>
  </conditionalFormatting>
  <conditionalFormatting sqref="F11">
    <cfRule type="duplicateValues" dxfId="775" priority="400" stopIfTrue="1"/>
  </conditionalFormatting>
  <conditionalFormatting sqref="F12">
    <cfRule type="duplicateValues" dxfId="774" priority="399" stopIfTrue="1"/>
  </conditionalFormatting>
  <conditionalFormatting sqref="F14">
    <cfRule type="duplicateValues" dxfId="773" priority="398" stopIfTrue="1"/>
  </conditionalFormatting>
  <conditionalFormatting sqref="F15">
    <cfRule type="duplicateValues" dxfId="772" priority="397" stopIfTrue="1"/>
  </conditionalFormatting>
  <conditionalFormatting sqref="F16">
    <cfRule type="duplicateValues" dxfId="771" priority="396" stopIfTrue="1"/>
  </conditionalFormatting>
  <conditionalFormatting sqref="F17">
    <cfRule type="duplicateValues" dxfId="770" priority="395" stopIfTrue="1"/>
  </conditionalFormatting>
  <conditionalFormatting sqref="F18">
    <cfRule type="duplicateValues" dxfId="769" priority="394" stopIfTrue="1"/>
  </conditionalFormatting>
  <conditionalFormatting sqref="F19">
    <cfRule type="duplicateValues" dxfId="768" priority="393" stopIfTrue="1"/>
  </conditionalFormatting>
  <conditionalFormatting sqref="F20">
    <cfRule type="duplicateValues" dxfId="767" priority="392" stopIfTrue="1"/>
  </conditionalFormatting>
  <conditionalFormatting sqref="F21">
    <cfRule type="duplicateValues" dxfId="766" priority="391" stopIfTrue="1"/>
  </conditionalFormatting>
  <conditionalFormatting sqref="F22">
    <cfRule type="duplicateValues" dxfId="765" priority="390" stopIfTrue="1"/>
  </conditionalFormatting>
  <conditionalFormatting sqref="F23">
    <cfRule type="duplicateValues" dxfId="764" priority="389" stopIfTrue="1"/>
  </conditionalFormatting>
  <conditionalFormatting sqref="F24">
    <cfRule type="duplicateValues" dxfId="763" priority="388" stopIfTrue="1"/>
  </conditionalFormatting>
  <conditionalFormatting sqref="F25">
    <cfRule type="duplicateValues" dxfId="762" priority="387" stopIfTrue="1"/>
  </conditionalFormatting>
  <conditionalFormatting sqref="F26">
    <cfRule type="duplicateValues" dxfId="761" priority="386" stopIfTrue="1"/>
  </conditionalFormatting>
  <conditionalFormatting sqref="F27">
    <cfRule type="duplicateValues" dxfId="760" priority="385" stopIfTrue="1"/>
  </conditionalFormatting>
  <conditionalFormatting sqref="F28">
    <cfRule type="duplicateValues" dxfId="759" priority="384" stopIfTrue="1"/>
  </conditionalFormatting>
  <conditionalFormatting sqref="F29">
    <cfRule type="duplicateValues" dxfId="758" priority="383" stopIfTrue="1"/>
  </conditionalFormatting>
  <conditionalFormatting sqref="F30">
    <cfRule type="duplicateValues" dxfId="757" priority="382" stopIfTrue="1"/>
  </conditionalFormatting>
  <conditionalFormatting sqref="F31">
    <cfRule type="duplicateValues" dxfId="756" priority="381" stopIfTrue="1"/>
  </conditionalFormatting>
  <conditionalFormatting sqref="F32">
    <cfRule type="duplicateValues" dxfId="755" priority="380" stopIfTrue="1"/>
  </conditionalFormatting>
  <conditionalFormatting sqref="F33">
    <cfRule type="duplicateValues" dxfId="754" priority="379" stopIfTrue="1"/>
  </conditionalFormatting>
  <conditionalFormatting sqref="F34">
    <cfRule type="duplicateValues" dxfId="753" priority="378" stopIfTrue="1"/>
  </conditionalFormatting>
  <conditionalFormatting sqref="F35">
    <cfRule type="duplicateValues" dxfId="752" priority="377" stopIfTrue="1"/>
  </conditionalFormatting>
  <conditionalFormatting sqref="N8">
    <cfRule type="duplicateValues" dxfId="751" priority="376" stopIfTrue="1"/>
  </conditionalFormatting>
  <conditionalFormatting sqref="N9">
    <cfRule type="duplicateValues" dxfId="750" priority="375" stopIfTrue="1"/>
  </conditionalFormatting>
  <conditionalFormatting sqref="N10">
    <cfRule type="duplicateValues" dxfId="749" priority="374" stopIfTrue="1"/>
  </conditionalFormatting>
  <conditionalFormatting sqref="N13">
    <cfRule type="duplicateValues" dxfId="748" priority="373" stopIfTrue="1"/>
  </conditionalFormatting>
  <conditionalFormatting sqref="N11">
    <cfRule type="duplicateValues" dxfId="747" priority="372" stopIfTrue="1"/>
  </conditionalFormatting>
  <conditionalFormatting sqref="N12">
    <cfRule type="duplicateValues" dxfId="746" priority="371" stopIfTrue="1"/>
  </conditionalFormatting>
  <conditionalFormatting sqref="N14">
    <cfRule type="duplicateValues" dxfId="745" priority="370" stopIfTrue="1"/>
  </conditionalFormatting>
  <conditionalFormatting sqref="N15">
    <cfRule type="duplicateValues" dxfId="744" priority="369" stopIfTrue="1"/>
  </conditionalFormatting>
  <conditionalFormatting sqref="N16">
    <cfRule type="duplicateValues" dxfId="743" priority="368" stopIfTrue="1"/>
  </conditionalFormatting>
  <conditionalFormatting sqref="N17">
    <cfRule type="duplicateValues" dxfId="742" priority="367" stopIfTrue="1"/>
  </conditionalFormatting>
  <conditionalFormatting sqref="N18">
    <cfRule type="duplicateValues" dxfId="741" priority="366" stopIfTrue="1"/>
  </conditionalFormatting>
  <conditionalFormatting sqref="N19">
    <cfRule type="duplicateValues" dxfId="740" priority="365" stopIfTrue="1"/>
  </conditionalFormatting>
  <conditionalFormatting sqref="N20">
    <cfRule type="duplicateValues" dxfId="739" priority="364" stopIfTrue="1"/>
  </conditionalFormatting>
  <conditionalFormatting sqref="N21">
    <cfRule type="duplicateValues" dxfId="738" priority="363" stopIfTrue="1"/>
  </conditionalFormatting>
  <conditionalFormatting sqref="N22">
    <cfRule type="duplicateValues" dxfId="737" priority="362" stopIfTrue="1"/>
  </conditionalFormatting>
  <conditionalFormatting sqref="N23">
    <cfRule type="duplicateValues" dxfId="736" priority="361" stopIfTrue="1"/>
  </conditionalFormatting>
  <conditionalFormatting sqref="N24">
    <cfRule type="duplicateValues" dxfId="735" priority="360" stopIfTrue="1"/>
  </conditionalFormatting>
  <conditionalFormatting sqref="N25">
    <cfRule type="duplicateValues" dxfId="734" priority="359" stopIfTrue="1"/>
  </conditionalFormatting>
  <conditionalFormatting sqref="N26">
    <cfRule type="duplicateValues" dxfId="733" priority="358" stopIfTrue="1"/>
  </conditionalFormatting>
  <conditionalFormatting sqref="N27">
    <cfRule type="duplicateValues" dxfId="732" priority="357" stopIfTrue="1"/>
  </conditionalFormatting>
  <conditionalFormatting sqref="N28">
    <cfRule type="duplicateValues" dxfId="731" priority="356" stopIfTrue="1"/>
  </conditionalFormatting>
  <conditionalFormatting sqref="N29">
    <cfRule type="duplicateValues" dxfId="730" priority="355" stopIfTrue="1"/>
  </conditionalFormatting>
  <conditionalFormatting sqref="N30">
    <cfRule type="duplicateValues" dxfId="729" priority="354" stopIfTrue="1"/>
  </conditionalFormatting>
  <conditionalFormatting sqref="N31">
    <cfRule type="duplicateValues" dxfId="728" priority="353" stopIfTrue="1"/>
  </conditionalFormatting>
  <conditionalFormatting sqref="N32">
    <cfRule type="duplicateValues" dxfId="727" priority="352" stopIfTrue="1"/>
  </conditionalFormatting>
  <conditionalFormatting sqref="N33">
    <cfRule type="duplicateValues" dxfId="726" priority="351" stopIfTrue="1"/>
  </conditionalFormatting>
  <conditionalFormatting sqref="N34">
    <cfRule type="duplicateValues" dxfId="725" priority="350" stopIfTrue="1"/>
  </conditionalFormatting>
  <conditionalFormatting sqref="N35">
    <cfRule type="duplicateValues" dxfId="724" priority="349" stopIfTrue="1"/>
  </conditionalFormatting>
  <conditionalFormatting sqref="B40">
    <cfRule type="duplicateValues" dxfId="723" priority="320" stopIfTrue="1"/>
  </conditionalFormatting>
  <conditionalFormatting sqref="B41">
    <cfRule type="duplicateValues" dxfId="722" priority="319" stopIfTrue="1"/>
  </conditionalFormatting>
  <conditionalFormatting sqref="B42">
    <cfRule type="duplicateValues" dxfId="721" priority="318" stopIfTrue="1"/>
  </conditionalFormatting>
  <conditionalFormatting sqref="B45">
    <cfRule type="duplicateValues" dxfId="720" priority="317" stopIfTrue="1"/>
  </conditionalFormatting>
  <conditionalFormatting sqref="B43">
    <cfRule type="duplicateValues" dxfId="719" priority="316" stopIfTrue="1"/>
  </conditionalFormatting>
  <conditionalFormatting sqref="B44">
    <cfRule type="duplicateValues" dxfId="718" priority="315" stopIfTrue="1"/>
  </conditionalFormatting>
  <conditionalFormatting sqref="B46">
    <cfRule type="duplicateValues" dxfId="717" priority="314" stopIfTrue="1"/>
  </conditionalFormatting>
  <conditionalFormatting sqref="B47">
    <cfRule type="duplicateValues" dxfId="716" priority="313" stopIfTrue="1"/>
  </conditionalFormatting>
  <conditionalFormatting sqref="B48">
    <cfRule type="duplicateValues" dxfId="715" priority="312" stopIfTrue="1"/>
  </conditionalFormatting>
  <conditionalFormatting sqref="B49">
    <cfRule type="duplicateValues" dxfId="714" priority="311" stopIfTrue="1"/>
  </conditionalFormatting>
  <conditionalFormatting sqref="B50">
    <cfRule type="duplicateValues" dxfId="713" priority="310" stopIfTrue="1"/>
  </conditionalFormatting>
  <conditionalFormatting sqref="B51">
    <cfRule type="duplicateValues" dxfId="712" priority="309" stopIfTrue="1"/>
  </conditionalFormatting>
  <conditionalFormatting sqref="B52">
    <cfRule type="duplicateValues" dxfId="711" priority="308" stopIfTrue="1"/>
  </conditionalFormatting>
  <conditionalFormatting sqref="B53">
    <cfRule type="duplicateValues" dxfId="710" priority="307" stopIfTrue="1"/>
  </conditionalFormatting>
  <conditionalFormatting sqref="B54">
    <cfRule type="duplicateValues" dxfId="709" priority="306" stopIfTrue="1"/>
  </conditionalFormatting>
  <conditionalFormatting sqref="B55">
    <cfRule type="duplicateValues" dxfId="708" priority="305" stopIfTrue="1"/>
  </conditionalFormatting>
  <conditionalFormatting sqref="B56">
    <cfRule type="duplicateValues" dxfId="707" priority="304" stopIfTrue="1"/>
  </conditionalFormatting>
  <conditionalFormatting sqref="B57">
    <cfRule type="duplicateValues" dxfId="706" priority="303" stopIfTrue="1"/>
  </conditionalFormatting>
  <conditionalFormatting sqref="B58">
    <cfRule type="duplicateValues" dxfId="705" priority="302" stopIfTrue="1"/>
  </conditionalFormatting>
  <conditionalFormatting sqref="B59">
    <cfRule type="duplicateValues" dxfId="704" priority="301" stopIfTrue="1"/>
  </conditionalFormatting>
  <conditionalFormatting sqref="B60">
    <cfRule type="duplicateValues" dxfId="703" priority="300" stopIfTrue="1"/>
  </conditionalFormatting>
  <conditionalFormatting sqref="B61">
    <cfRule type="duplicateValues" dxfId="702" priority="299" stopIfTrue="1"/>
  </conditionalFormatting>
  <conditionalFormatting sqref="B62">
    <cfRule type="duplicateValues" dxfId="701" priority="298" stopIfTrue="1"/>
  </conditionalFormatting>
  <conditionalFormatting sqref="B63">
    <cfRule type="duplicateValues" dxfId="700" priority="297" stopIfTrue="1"/>
  </conditionalFormatting>
  <conditionalFormatting sqref="B64">
    <cfRule type="duplicateValues" dxfId="699" priority="296" stopIfTrue="1"/>
  </conditionalFormatting>
  <conditionalFormatting sqref="B65">
    <cfRule type="duplicateValues" dxfId="698" priority="295" stopIfTrue="1"/>
  </conditionalFormatting>
  <conditionalFormatting sqref="B66">
    <cfRule type="duplicateValues" dxfId="697" priority="294" stopIfTrue="1"/>
  </conditionalFormatting>
  <conditionalFormatting sqref="B67">
    <cfRule type="duplicateValues" dxfId="696" priority="293" stopIfTrue="1"/>
  </conditionalFormatting>
  <conditionalFormatting sqref="J40">
    <cfRule type="duplicateValues" dxfId="695" priority="292" stopIfTrue="1"/>
  </conditionalFormatting>
  <conditionalFormatting sqref="J41">
    <cfRule type="duplicateValues" dxfId="694" priority="291" stopIfTrue="1"/>
  </conditionalFormatting>
  <conditionalFormatting sqref="J42">
    <cfRule type="duplicateValues" dxfId="693" priority="290" stopIfTrue="1"/>
  </conditionalFormatting>
  <conditionalFormatting sqref="J45">
    <cfRule type="duplicateValues" dxfId="692" priority="289" stopIfTrue="1"/>
  </conditionalFormatting>
  <conditionalFormatting sqref="J43">
    <cfRule type="duplicateValues" dxfId="691" priority="288" stopIfTrue="1"/>
  </conditionalFormatting>
  <conditionalFormatting sqref="J44">
    <cfRule type="duplicateValues" dxfId="690" priority="287" stopIfTrue="1"/>
  </conditionalFormatting>
  <conditionalFormatting sqref="J46">
    <cfRule type="duplicateValues" dxfId="689" priority="286" stopIfTrue="1"/>
  </conditionalFormatting>
  <conditionalFormatting sqref="J47">
    <cfRule type="duplicateValues" dxfId="688" priority="285" stopIfTrue="1"/>
  </conditionalFormatting>
  <conditionalFormatting sqref="J48">
    <cfRule type="duplicateValues" dxfId="687" priority="284" stopIfTrue="1"/>
  </conditionalFormatting>
  <conditionalFormatting sqref="J49">
    <cfRule type="duplicateValues" dxfId="686" priority="283" stopIfTrue="1"/>
  </conditionalFormatting>
  <conditionalFormatting sqref="J50">
    <cfRule type="duplicateValues" dxfId="685" priority="282" stopIfTrue="1"/>
  </conditionalFormatting>
  <conditionalFormatting sqref="J51">
    <cfRule type="duplicateValues" dxfId="684" priority="281" stopIfTrue="1"/>
  </conditionalFormatting>
  <conditionalFormatting sqref="J52">
    <cfRule type="duplicateValues" dxfId="683" priority="280" stopIfTrue="1"/>
  </conditionalFormatting>
  <conditionalFormatting sqref="J53">
    <cfRule type="duplicateValues" dxfId="682" priority="279" stopIfTrue="1"/>
  </conditionalFormatting>
  <conditionalFormatting sqref="J54">
    <cfRule type="duplicateValues" dxfId="681" priority="278" stopIfTrue="1"/>
  </conditionalFormatting>
  <conditionalFormatting sqref="J55">
    <cfRule type="duplicateValues" dxfId="680" priority="277" stopIfTrue="1"/>
  </conditionalFormatting>
  <conditionalFormatting sqref="J56">
    <cfRule type="duplicateValues" dxfId="679" priority="276" stopIfTrue="1"/>
  </conditionalFormatting>
  <conditionalFormatting sqref="J57">
    <cfRule type="duplicateValues" dxfId="678" priority="275" stopIfTrue="1"/>
  </conditionalFormatting>
  <conditionalFormatting sqref="J58">
    <cfRule type="duplicateValues" dxfId="677" priority="274" stopIfTrue="1"/>
  </conditionalFormatting>
  <conditionalFormatting sqref="J59">
    <cfRule type="duplicateValues" dxfId="676" priority="273" stopIfTrue="1"/>
  </conditionalFormatting>
  <conditionalFormatting sqref="J60">
    <cfRule type="duplicateValues" dxfId="675" priority="272" stopIfTrue="1"/>
  </conditionalFormatting>
  <conditionalFormatting sqref="J61">
    <cfRule type="duplicateValues" dxfId="674" priority="271" stopIfTrue="1"/>
  </conditionalFormatting>
  <conditionalFormatting sqref="J62">
    <cfRule type="duplicateValues" dxfId="673" priority="270" stopIfTrue="1"/>
  </conditionalFormatting>
  <conditionalFormatting sqref="J63">
    <cfRule type="duplicateValues" dxfId="672" priority="269" stopIfTrue="1"/>
  </conditionalFormatting>
  <conditionalFormatting sqref="J64">
    <cfRule type="duplicateValues" dxfId="671" priority="268" stopIfTrue="1"/>
  </conditionalFormatting>
  <conditionalFormatting sqref="J65">
    <cfRule type="duplicateValues" dxfId="670" priority="267" stopIfTrue="1"/>
  </conditionalFormatting>
  <conditionalFormatting sqref="J66">
    <cfRule type="duplicateValues" dxfId="669" priority="266" stopIfTrue="1"/>
  </conditionalFormatting>
  <conditionalFormatting sqref="J67">
    <cfRule type="duplicateValues" dxfId="668" priority="265" stopIfTrue="1"/>
  </conditionalFormatting>
  <conditionalFormatting sqref="F40">
    <cfRule type="duplicateValues" dxfId="667" priority="236" stopIfTrue="1"/>
  </conditionalFormatting>
  <conditionalFormatting sqref="F41">
    <cfRule type="duplicateValues" dxfId="666" priority="235" stopIfTrue="1"/>
  </conditionalFormatting>
  <conditionalFormatting sqref="F42">
    <cfRule type="duplicateValues" dxfId="665" priority="234" stopIfTrue="1"/>
  </conditionalFormatting>
  <conditionalFormatting sqref="F45">
    <cfRule type="duplicateValues" dxfId="664" priority="233" stopIfTrue="1"/>
  </conditionalFormatting>
  <conditionalFormatting sqref="F43">
    <cfRule type="duplicateValues" dxfId="663" priority="232" stopIfTrue="1"/>
  </conditionalFormatting>
  <conditionalFormatting sqref="F44">
    <cfRule type="duplicateValues" dxfId="662" priority="231" stopIfTrue="1"/>
  </conditionalFormatting>
  <conditionalFormatting sqref="F46">
    <cfRule type="duplicateValues" dxfId="661" priority="230" stopIfTrue="1"/>
  </conditionalFormatting>
  <conditionalFormatting sqref="F47">
    <cfRule type="duplicateValues" dxfId="660" priority="229" stopIfTrue="1"/>
  </conditionalFormatting>
  <conditionalFormatting sqref="F48">
    <cfRule type="duplicateValues" dxfId="659" priority="228" stopIfTrue="1"/>
  </conditionalFormatting>
  <conditionalFormatting sqref="F49">
    <cfRule type="duplicateValues" dxfId="658" priority="227" stopIfTrue="1"/>
  </conditionalFormatting>
  <conditionalFormatting sqref="F50">
    <cfRule type="duplicateValues" dxfId="657" priority="226" stopIfTrue="1"/>
  </conditionalFormatting>
  <conditionalFormatting sqref="F51">
    <cfRule type="duplicateValues" dxfId="656" priority="225" stopIfTrue="1"/>
  </conditionalFormatting>
  <conditionalFormatting sqref="F52">
    <cfRule type="duplicateValues" dxfId="655" priority="224" stopIfTrue="1"/>
  </conditionalFormatting>
  <conditionalFormatting sqref="F53">
    <cfRule type="duplicateValues" dxfId="654" priority="223" stopIfTrue="1"/>
  </conditionalFormatting>
  <conditionalFormatting sqref="F54">
    <cfRule type="duplicateValues" dxfId="653" priority="222" stopIfTrue="1"/>
  </conditionalFormatting>
  <conditionalFormatting sqref="F55">
    <cfRule type="duplicateValues" dxfId="652" priority="221" stopIfTrue="1"/>
  </conditionalFormatting>
  <conditionalFormatting sqref="F56">
    <cfRule type="duplicateValues" dxfId="651" priority="220" stopIfTrue="1"/>
  </conditionalFormatting>
  <conditionalFormatting sqref="F57">
    <cfRule type="duplicateValues" dxfId="650" priority="219" stopIfTrue="1"/>
  </conditionalFormatting>
  <conditionalFormatting sqref="F58">
    <cfRule type="duplicateValues" dxfId="649" priority="218" stopIfTrue="1"/>
  </conditionalFormatting>
  <conditionalFormatting sqref="F59">
    <cfRule type="duplicateValues" dxfId="648" priority="217" stopIfTrue="1"/>
  </conditionalFormatting>
  <conditionalFormatting sqref="F60">
    <cfRule type="duplicateValues" dxfId="647" priority="216" stopIfTrue="1"/>
  </conditionalFormatting>
  <conditionalFormatting sqref="F61">
    <cfRule type="duplicateValues" dxfId="646" priority="215" stopIfTrue="1"/>
  </conditionalFormatting>
  <conditionalFormatting sqref="F62">
    <cfRule type="duplicateValues" dxfId="645" priority="214" stopIfTrue="1"/>
  </conditionalFormatting>
  <conditionalFormatting sqref="F63">
    <cfRule type="duplicateValues" dxfId="644" priority="213" stopIfTrue="1"/>
  </conditionalFormatting>
  <conditionalFormatting sqref="F64">
    <cfRule type="duplicateValues" dxfId="643" priority="212" stopIfTrue="1"/>
  </conditionalFormatting>
  <conditionalFormatting sqref="F65">
    <cfRule type="duplicateValues" dxfId="642" priority="211" stopIfTrue="1"/>
  </conditionalFormatting>
  <conditionalFormatting sqref="F66">
    <cfRule type="duplicateValues" dxfId="641" priority="210" stopIfTrue="1"/>
  </conditionalFormatting>
  <conditionalFormatting sqref="F67">
    <cfRule type="duplicateValues" dxfId="640" priority="209" stopIfTrue="1"/>
  </conditionalFormatting>
  <conditionalFormatting sqref="N40">
    <cfRule type="duplicateValues" dxfId="639" priority="208" stopIfTrue="1"/>
  </conditionalFormatting>
  <conditionalFormatting sqref="N41">
    <cfRule type="duplicateValues" dxfId="638" priority="207" stopIfTrue="1"/>
  </conditionalFormatting>
  <conditionalFormatting sqref="N42">
    <cfRule type="duplicateValues" dxfId="637" priority="206" stopIfTrue="1"/>
  </conditionalFormatting>
  <conditionalFormatting sqref="N45">
    <cfRule type="duplicateValues" dxfId="636" priority="205" stopIfTrue="1"/>
  </conditionalFormatting>
  <conditionalFormatting sqref="N43">
    <cfRule type="duplicateValues" dxfId="635" priority="204" stopIfTrue="1"/>
  </conditionalFormatting>
  <conditionalFormatting sqref="N44">
    <cfRule type="duplicateValues" dxfId="634" priority="203" stopIfTrue="1"/>
  </conditionalFormatting>
  <conditionalFormatting sqref="N46">
    <cfRule type="duplicateValues" dxfId="633" priority="202" stopIfTrue="1"/>
  </conditionalFormatting>
  <conditionalFormatting sqref="N47">
    <cfRule type="duplicateValues" dxfId="632" priority="201" stopIfTrue="1"/>
  </conditionalFormatting>
  <conditionalFormatting sqref="N48">
    <cfRule type="duplicateValues" dxfId="631" priority="200" stopIfTrue="1"/>
  </conditionalFormatting>
  <conditionalFormatting sqref="N49">
    <cfRule type="duplicateValues" dxfId="630" priority="199" stopIfTrue="1"/>
  </conditionalFormatting>
  <conditionalFormatting sqref="N50">
    <cfRule type="duplicateValues" dxfId="629" priority="198" stopIfTrue="1"/>
  </conditionalFormatting>
  <conditionalFormatting sqref="N51">
    <cfRule type="duplicateValues" dxfId="628" priority="197" stopIfTrue="1"/>
  </conditionalFormatting>
  <conditionalFormatting sqref="N52">
    <cfRule type="duplicateValues" dxfId="627" priority="196" stopIfTrue="1"/>
  </conditionalFormatting>
  <conditionalFormatting sqref="N53">
    <cfRule type="duplicateValues" dxfId="626" priority="195" stopIfTrue="1"/>
  </conditionalFormatting>
  <conditionalFormatting sqref="N54">
    <cfRule type="duplicateValues" dxfId="625" priority="194" stopIfTrue="1"/>
  </conditionalFormatting>
  <conditionalFormatting sqref="N55">
    <cfRule type="duplicateValues" dxfId="624" priority="193" stopIfTrue="1"/>
  </conditionalFormatting>
  <conditionalFormatting sqref="N56">
    <cfRule type="duplicateValues" dxfId="623" priority="192" stopIfTrue="1"/>
  </conditionalFormatting>
  <conditionalFormatting sqref="N57">
    <cfRule type="duplicateValues" dxfId="622" priority="191" stopIfTrue="1"/>
  </conditionalFormatting>
  <conditionalFormatting sqref="N58">
    <cfRule type="duplicateValues" dxfId="621" priority="190" stopIfTrue="1"/>
  </conditionalFormatting>
  <conditionalFormatting sqref="N59">
    <cfRule type="duplicateValues" dxfId="620" priority="189" stopIfTrue="1"/>
  </conditionalFormatting>
  <conditionalFormatting sqref="N60">
    <cfRule type="duplicateValues" dxfId="619" priority="188" stopIfTrue="1"/>
  </conditionalFormatting>
  <conditionalFormatting sqref="N61">
    <cfRule type="duplicateValues" dxfId="618" priority="187" stopIfTrue="1"/>
  </conditionalFormatting>
  <conditionalFormatting sqref="N62">
    <cfRule type="duplicateValues" dxfId="617" priority="186" stopIfTrue="1"/>
  </conditionalFormatting>
  <conditionalFormatting sqref="N63">
    <cfRule type="duplicateValues" dxfId="616" priority="185" stopIfTrue="1"/>
  </conditionalFormatting>
  <conditionalFormatting sqref="N64">
    <cfRule type="duplicateValues" dxfId="615" priority="184" stopIfTrue="1"/>
  </conditionalFormatting>
  <conditionalFormatting sqref="N65">
    <cfRule type="duplicateValues" dxfId="614" priority="183" stopIfTrue="1"/>
  </conditionalFormatting>
  <conditionalFormatting sqref="N66">
    <cfRule type="duplicateValues" dxfId="613" priority="182" stopIfTrue="1"/>
  </conditionalFormatting>
  <conditionalFormatting sqref="N67">
    <cfRule type="duplicateValues" dxfId="612" priority="181" stopIfTrue="1"/>
  </conditionalFormatting>
  <conditionalFormatting sqref="D8">
    <cfRule type="duplicateValues" dxfId="611" priority="180"/>
  </conditionalFormatting>
  <conditionalFormatting sqref="D9">
    <cfRule type="duplicateValues" dxfId="610" priority="179"/>
  </conditionalFormatting>
  <conditionalFormatting sqref="D10">
    <cfRule type="duplicateValues" dxfId="609" priority="178"/>
  </conditionalFormatting>
  <conditionalFormatting sqref="D11">
    <cfRule type="duplicateValues" dxfId="608" priority="177"/>
  </conditionalFormatting>
  <conditionalFormatting sqref="D12">
    <cfRule type="duplicateValues" dxfId="607" priority="176"/>
  </conditionalFormatting>
  <conditionalFormatting sqref="D13">
    <cfRule type="duplicateValues" dxfId="606" priority="175"/>
  </conditionalFormatting>
  <conditionalFormatting sqref="D14">
    <cfRule type="duplicateValues" dxfId="605" priority="174"/>
  </conditionalFormatting>
  <conditionalFormatting sqref="D15">
    <cfRule type="duplicateValues" dxfId="604" priority="173"/>
  </conditionalFormatting>
  <conditionalFormatting sqref="D16">
    <cfRule type="duplicateValues" dxfId="603" priority="172"/>
  </conditionalFormatting>
  <conditionalFormatting sqref="D17">
    <cfRule type="duplicateValues" dxfId="602" priority="171"/>
  </conditionalFormatting>
  <conditionalFormatting sqref="D18">
    <cfRule type="duplicateValues" dxfId="601" priority="170"/>
  </conditionalFormatting>
  <conditionalFormatting sqref="D19">
    <cfRule type="duplicateValues" dxfId="600" priority="169"/>
  </conditionalFormatting>
  <conditionalFormatting sqref="D20">
    <cfRule type="duplicateValues" dxfId="599" priority="168"/>
  </conditionalFormatting>
  <conditionalFormatting sqref="D21">
    <cfRule type="duplicateValues" dxfId="598" priority="167"/>
  </conditionalFormatting>
  <conditionalFormatting sqref="D22">
    <cfRule type="duplicateValues" dxfId="597" priority="166"/>
  </conditionalFormatting>
  <conditionalFormatting sqref="D23">
    <cfRule type="duplicateValues" dxfId="596" priority="165"/>
  </conditionalFormatting>
  <conditionalFormatting sqref="D24">
    <cfRule type="duplicateValues" dxfId="595" priority="164"/>
  </conditionalFormatting>
  <conditionalFormatting sqref="D25">
    <cfRule type="duplicateValues" dxfId="594" priority="163"/>
  </conditionalFormatting>
  <conditionalFormatting sqref="D26">
    <cfRule type="duplicateValues" dxfId="593" priority="162"/>
  </conditionalFormatting>
  <conditionalFormatting sqref="D27">
    <cfRule type="duplicateValues" dxfId="592" priority="161"/>
  </conditionalFormatting>
  <conditionalFormatting sqref="D28">
    <cfRule type="duplicateValues" dxfId="591" priority="160"/>
  </conditionalFormatting>
  <conditionalFormatting sqref="D29">
    <cfRule type="duplicateValues" dxfId="590" priority="159"/>
  </conditionalFormatting>
  <conditionalFormatting sqref="D30">
    <cfRule type="duplicateValues" dxfId="589" priority="158"/>
  </conditionalFormatting>
  <conditionalFormatting sqref="D31">
    <cfRule type="duplicateValues" dxfId="588" priority="157"/>
  </conditionalFormatting>
  <conditionalFormatting sqref="D32">
    <cfRule type="duplicateValues" dxfId="587" priority="156"/>
  </conditionalFormatting>
  <conditionalFormatting sqref="D33">
    <cfRule type="duplicateValues" dxfId="586" priority="155"/>
  </conditionalFormatting>
  <conditionalFormatting sqref="D34">
    <cfRule type="duplicateValues" dxfId="585" priority="154"/>
  </conditionalFormatting>
  <conditionalFormatting sqref="D35">
    <cfRule type="duplicateValues" dxfId="584" priority="152"/>
  </conditionalFormatting>
  <conditionalFormatting sqref="H8">
    <cfRule type="duplicateValues" dxfId="583" priority="151"/>
  </conditionalFormatting>
  <conditionalFormatting sqref="H9">
    <cfRule type="duplicateValues" dxfId="582" priority="150"/>
  </conditionalFormatting>
  <conditionalFormatting sqref="H10">
    <cfRule type="duplicateValues" dxfId="581" priority="149"/>
  </conditionalFormatting>
  <conditionalFormatting sqref="H11">
    <cfRule type="duplicateValues" dxfId="580" priority="148"/>
  </conditionalFormatting>
  <conditionalFormatting sqref="H12">
    <cfRule type="duplicateValues" dxfId="579" priority="147"/>
  </conditionalFormatting>
  <conditionalFormatting sqref="H13">
    <cfRule type="duplicateValues" dxfId="578" priority="146"/>
  </conditionalFormatting>
  <conditionalFormatting sqref="H14">
    <cfRule type="duplicateValues" dxfId="577" priority="145"/>
  </conditionalFormatting>
  <conditionalFormatting sqref="H15">
    <cfRule type="duplicateValues" dxfId="576" priority="144"/>
  </conditionalFormatting>
  <conditionalFormatting sqref="H16">
    <cfRule type="duplicateValues" dxfId="575" priority="143"/>
  </conditionalFormatting>
  <conditionalFormatting sqref="H17">
    <cfRule type="duplicateValues" dxfId="574" priority="142"/>
  </conditionalFormatting>
  <conditionalFormatting sqref="H18">
    <cfRule type="duplicateValues" dxfId="573" priority="141"/>
  </conditionalFormatting>
  <conditionalFormatting sqref="H19">
    <cfRule type="duplicateValues" dxfId="572" priority="140"/>
  </conditionalFormatting>
  <conditionalFormatting sqref="H20">
    <cfRule type="duplicateValues" dxfId="571" priority="139"/>
  </conditionalFormatting>
  <conditionalFormatting sqref="H21">
    <cfRule type="duplicateValues" dxfId="570" priority="138"/>
  </conditionalFormatting>
  <conditionalFormatting sqref="H22">
    <cfRule type="duplicateValues" dxfId="569" priority="137"/>
  </conditionalFormatting>
  <conditionalFormatting sqref="H23">
    <cfRule type="duplicateValues" dxfId="568" priority="136"/>
  </conditionalFormatting>
  <conditionalFormatting sqref="H24">
    <cfRule type="duplicateValues" dxfId="567" priority="135"/>
  </conditionalFormatting>
  <conditionalFormatting sqref="H25">
    <cfRule type="duplicateValues" dxfId="566" priority="134"/>
  </conditionalFormatting>
  <conditionalFormatting sqref="H26">
    <cfRule type="duplicateValues" dxfId="565" priority="133"/>
  </conditionalFormatting>
  <conditionalFormatting sqref="H27">
    <cfRule type="duplicateValues" dxfId="564" priority="132"/>
  </conditionalFormatting>
  <conditionalFormatting sqref="H28">
    <cfRule type="duplicateValues" dxfId="563" priority="131"/>
  </conditionalFormatting>
  <conditionalFormatting sqref="H29">
    <cfRule type="duplicateValues" dxfId="562" priority="130"/>
  </conditionalFormatting>
  <conditionalFormatting sqref="H30">
    <cfRule type="duplicateValues" dxfId="561" priority="129"/>
  </conditionalFormatting>
  <conditionalFormatting sqref="H31">
    <cfRule type="duplicateValues" dxfId="560" priority="128"/>
  </conditionalFormatting>
  <conditionalFormatting sqref="H32">
    <cfRule type="duplicateValues" dxfId="559" priority="127"/>
  </conditionalFormatting>
  <conditionalFormatting sqref="H33">
    <cfRule type="duplicateValues" dxfId="558" priority="126"/>
  </conditionalFormatting>
  <conditionalFormatting sqref="H34">
    <cfRule type="duplicateValues" dxfId="557" priority="125"/>
  </conditionalFormatting>
  <conditionalFormatting sqref="H35">
    <cfRule type="duplicateValues" dxfId="556" priority="124"/>
  </conditionalFormatting>
  <conditionalFormatting sqref="L8">
    <cfRule type="duplicateValues" dxfId="555" priority="123"/>
  </conditionalFormatting>
  <conditionalFormatting sqref="L9">
    <cfRule type="duplicateValues" dxfId="554" priority="122"/>
  </conditionalFormatting>
  <conditionalFormatting sqref="L10">
    <cfRule type="duplicateValues" dxfId="553" priority="121"/>
  </conditionalFormatting>
  <conditionalFormatting sqref="L11">
    <cfRule type="duplicateValues" dxfId="552" priority="120"/>
  </conditionalFormatting>
  <conditionalFormatting sqref="L12">
    <cfRule type="duplicateValues" dxfId="551" priority="119"/>
  </conditionalFormatting>
  <conditionalFormatting sqref="L13">
    <cfRule type="duplicateValues" dxfId="550" priority="118"/>
  </conditionalFormatting>
  <conditionalFormatting sqref="L14">
    <cfRule type="duplicateValues" dxfId="549" priority="117"/>
  </conditionalFormatting>
  <conditionalFormatting sqref="L16">
    <cfRule type="duplicateValues" dxfId="548" priority="116"/>
  </conditionalFormatting>
  <conditionalFormatting sqref="L15">
    <cfRule type="duplicateValues" dxfId="547" priority="115"/>
  </conditionalFormatting>
  <conditionalFormatting sqref="L17">
    <cfRule type="duplicateValues" dxfId="546" priority="113" stopIfTrue="1"/>
    <cfRule type="duplicateValues" dxfId="545" priority="114" stopIfTrue="1"/>
  </conditionalFormatting>
  <conditionalFormatting sqref="L17">
    <cfRule type="duplicateValues" dxfId="544" priority="112" stopIfTrue="1"/>
  </conditionalFormatting>
  <conditionalFormatting sqref="L17">
    <cfRule type="duplicateValues" dxfId="543" priority="111"/>
  </conditionalFormatting>
  <conditionalFormatting sqref="L18">
    <cfRule type="duplicateValues" dxfId="542" priority="110"/>
  </conditionalFormatting>
  <conditionalFormatting sqref="L19">
    <cfRule type="duplicateValues" dxfId="541" priority="109"/>
  </conditionalFormatting>
  <conditionalFormatting sqref="L20">
    <cfRule type="duplicateValues" dxfId="540" priority="108"/>
  </conditionalFormatting>
  <conditionalFormatting sqref="L21">
    <cfRule type="duplicateValues" dxfId="539" priority="107"/>
  </conditionalFormatting>
  <conditionalFormatting sqref="L22">
    <cfRule type="duplicateValues" dxfId="538" priority="106"/>
  </conditionalFormatting>
  <conditionalFormatting sqref="L23">
    <cfRule type="duplicateValues" dxfId="537" priority="105"/>
  </conditionalFormatting>
  <conditionalFormatting sqref="L24">
    <cfRule type="duplicateValues" dxfId="536" priority="104"/>
  </conditionalFormatting>
  <conditionalFormatting sqref="L25">
    <cfRule type="duplicateValues" dxfId="535" priority="103"/>
  </conditionalFormatting>
  <conditionalFormatting sqref="L26">
    <cfRule type="duplicateValues" dxfId="534" priority="102"/>
  </conditionalFormatting>
  <conditionalFormatting sqref="L27">
    <cfRule type="duplicateValues" dxfId="533" priority="100" stopIfTrue="1"/>
    <cfRule type="duplicateValues" dxfId="532" priority="101" stopIfTrue="1"/>
  </conditionalFormatting>
  <conditionalFormatting sqref="L27">
    <cfRule type="duplicateValues" dxfId="531" priority="99" stopIfTrue="1"/>
  </conditionalFormatting>
  <conditionalFormatting sqref="L27">
    <cfRule type="duplicateValues" dxfId="530" priority="98"/>
  </conditionalFormatting>
  <conditionalFormatting sqref="L28">
    <cfRule type="duplicateValues" dxfId="529" priority="97"/>
  </conditionalFormatting>
  <conditionalFormatting sqref="L29">
    <cfRule type="duplicateValues" dxfId="528" priority="96"/>
  </conditionalFormatting>
  <conditionalFormatting sqref="L30">
    <cfRule type="duplicateValues" dxfId="527" priority="95"/>
  </conditionalFormatting>
  <conditionalFormatting sqref="L31">
    <cfRule type="duplicateValues" dxfId="526" priority="94"/>
  </conditionalFormatting>
  <conditionalFormatting sqref="L32">
    <cfRule type="duplicateValues" dxfId="525" priority="93"/>
  </conditionalFormatting>
  <conditionalFormatting sqref="L33">
    <cfRule type="duplicateValues" dxfId="524" priority="92"/>
  </conditionalFormatting>
  <conditionalFormatting sqref="L34">
    <cfRule type="duplicateValues" dxfId="523" priority="91"/>
  </conditionalFormatting>
  <conditionalFormatting sqref="L35">
    <cfRule type="duplicateValues" dxfId="522" priority="90"/>
  </conditionalFormatting>
  <conditionalFormatting sqref="P8">
    <cfRule type="duplicateValues" dxfId="521" priority="89"/>
  </conditionalFormatting>
  <conditionalFormatting sqref="P9">
    <cfRule type="duplicateValues" dxfId="520" priority="88"/>
  </conditionalFormatting>
  <conditionalFormatting sqref="P10">
    <cfRule type="duplicateValues" dxfId="519" priority="87"/>
  </conditionalFormatting>
  <conditionalFormatting sqref="P11">
    <cfRule type="duplicateValues" dxfId="518" priority="86"/>
  </conditionalFormatting>
  <conditionalFormatting sqref="P12">
    <cfRule type="duplicateValues" dxfId="517" priority="85"/>
  </conditionalFormatting>
  <conditionalFormatting sqref="P13">
    <cfRule type="duplicateValues" dxfId="516" priority="84"/>
  </conditionalFormatting>
  <conditionalFormatting sqref="P14">
    <cfRule type="duplicateValues" dxfId="515" priority="83"/>
  </conditionalFormatting>
  <conditionalFormatting sqref="P15">
    <cfRule type="duplicateValues" dxfId="514" priority="82"/>
  </conditionalFormatting>
  <conditionalFormatting sqref="P16">
    <cfRule type="duplicateValues" dxfId="513" priority="81"/>
  </conditionalFormatting>
  <conditionalFormatting sqref="P17">
    <cfRule type="duplicateValues" dxfId="512" priority="80"/>
  </conditionalFormatting>
  <conditionalFormatting sqref="P18">
    <cfRule type="duplicateValues" dxfId="511" priority="79"/>
  </conditionalFormatting>
  <conditionalFormatting sqref="P19">
    <cfRule type="duplicateValues" dxfId="510" priority="77"/>
  </conditionalFormatting>
  <conditionalFormatting sqref="P20">
    <cfRule type="duplicateValues" dxfId="509" priority="76"/>
  </conditionalFormatting>
  <conditionalFormatting sqref="P21">
    <cfRule type="duplicateValues" dxfId="508" priority="75"/>
  </conditionalFormatting>
  <conditionalFormatting sqref="P22">
    <cfRule type="duplicateValues" dxfId="507" priority="73"/>
  </conditionalFormatting>
  <conditionalFormatting sqref="P35">
    <cfRule type="duplicateValues" dxfId="506" priority="72"/>
  </conditionalFormatting>
  <conditionalFormatting sqref="P23">
    <cfRule type="duplicateValues" dxfId="505" priority="71"/>
  </conditionalFormatting>
  <conditionalFormatting sqref="P24">
    <cfRule type="duplicateValues" dxfId="504" priority="70"/>
  </conditionalFormatting>
  <conditionalFormatting sqref="P25">
    <cfRule type="duplicateValues" dxfId="503" priority="69"/>
  </conditionalFormatting>
  <conditionalFormatting sqref="P26">
    <cfRule type="duplicateValues" dxfId="502" priority="68"/>
  </conditionalFormatting>
  <conditionalFormatting sqref="P27">
    <cfRule type="duplicateValues" dxfId="501" priority="67"/>
  </conditionalFormatting>
  <conditionalFormatting sqref="P28">
    <cfRule type="duplicateValues" dxfId="500" priority="66"/>
  </conditionalFormatting>
  <conditionalFormatting sqref="P29">
    <cfRule type="duplicateValues" dxfId="499" priority="65"/>
  </conditionalFormatting>
  <conditionalFormatting sqref="P30">
    <cfRule type="duplicateValues" dxfId="498" priority="64"/>
  </conditionalFormatting>
  <conditionalFormatting sqref="P31">
    <cfRule type="duplicateValues" dxfId="497" priority="63"/>
  </conditionalFormatting>
  <conditionalFormatting sqref="P32">
    <cfRule type="duplicateValues" dxfId="496" priority="62"/>
  </conditionalFormatting>
  <conditionalFormatting sqref="P34">
    <cfRule type="duplicateValues" dxfId="495" priority="61"/>
  </conditionalFormatting>
  <conditionalFormatting sqref="T8">
    <cfRule type="duplicateValues" dxfId="494" priority="60"/>
  </conditionalFormatting>
  <conditionalFormatting sqref="T9">
    <cfRule type="duplicateValues" dxfId="493" priority="59"/>
  </conditionalFormatting>
  <conditionalFormatting sqref="T10">
    <cfRule type="duplicateValues" dxfId="492" priority="58"/>
  </conditionalFormatting>
  <conditionalFormatting sqref="T11">
    <cfRule type="duplicateValues" dxfId="491" priority="57"/>
  </conditionalFormatting>
  <conditionalFormatting sqref="T12">
    <cfRule type="duplicateValues" dxfId="490" priority="56"/>
  </conditionalFormatting>
  <conditionalFormatting sqref="T13">
    <cfRule type="duplicateValues" dxfId="489" priority="55"/>
  </conditionalFormatting>
  <conditionalFormatting sqref="T14">
    <cfRule type="duplicateValues" dxfId="488" priority="54"/>
  </conditionalFormatting>
  <conditionalFormatting sqref="T17">
    <cfRule type="duplicateValues" dxfId="487" priority="53"/>
  </conditionalFormatting>
  <conditionalFormatting sqref="T16">
    <cfRule type="duplicateValues" dxfId="486" priority="52"/>
  </conditionalFormatting>
  <conditionalFormatting sqref="T18">
    <cfRule type="duplicateValues" dxfId="485" priority="50" stopIfTrue="1"/>
    <cfRule type="duplicateValues" dxfId="484" priority="51" stopIfTrue="1"/>
  </conditionalFormatting>
  <conditionalFormatting sqref="T18">
    <cfRule type="duplicateValues" dxfId="483" priority="49" stopIfTrue="1"/>
  </conditionalFormatting>
  <conditionalFormatting sqref="T19">
    <cfRule type="duplicateValues" dxfId="482" priority="48"/>
  </conditionalFormatting>
  <conditionalFormatting sqref="T20">
    <cfRule type="duplicateValues" dxfId="481" priority="47"/>
  </conditionalFormatting>
  <conditionalFormatting sqref="T15">
    <cfRule type="duplicateValues" dxfId="480" priority="46"/>
  </conditionalFormatting>
  <conditionalFormatting sqref="T21">
    <cfRule type="duplicateValues" dxfId="479" priority="45"/>
  </conditionalFormatting>
  <conditionalFormatting sqref="T22">
    <cfRule type="duplicateValues" dxfId="478" priority="44"/>
  </conditionalFormatting>
  <conditionalFormatting sqref="T23">
    <cfRule type="duplicateValues" dxfId="477" priority="42" stopIfTrue="1"/>
    <cfRule type="duplicateValues" dxfId="476" priority="43" stopIfTrue="1"/>
  </conditionalFormatting>
  <conditionalFormatting sqref="T23">
    <cfRule type="duplicateValues" dxfId="475" priority="41" stopIfTrue="1"/>
  </conditionalFormatting>
  <conditionalFormatting sqref="T24">
    <cfRule type="duplicateValues" dxfId="474" priority="40"/>
  </conditionalFormatting>
  <conditionalFormatting sqref="T25">
    <cfRule type="duplicateValues" dxfId="473" priority="39"/>
  </conditionalFormatting>
  <conditionalFormatting sqref="T26">
    <cfRule type="duplicateValues" dxfId="472" priority="38"/>
  </conditionalFormatting>
  <conditionalFormatting sqref="T27">
    <cfRule type="duplicateValues" dxfId="471" priority="37"/>
  </conditionalFormatting>
  <conditionalFormatting sqref="P33">
    <cfRule type="duplicateValues" dxfId="470" priority="36"/>
  </conditionalFormatting>
  <conditionalFormatting sqref="T28">
    <cfRule type="duplicateValues" dxfId="469" priority="35"/>
  </conditionalFormatting>
  <conditionalFormatting sqref="T29">
    <cfRule type="duplicateValues" dxfId="468" priority="34"/>
  </conditionalFormatting>
  <conditionalFormatting sqref="T30">
    <cfRule type="duplicateValues" dxfId="467" priority="33"/>
  </conditionalFormatting>
  <conditionalFormatting sqref="T31">
    <cfRule type="duplicateValues" dxfId="466" priority="32"/>
  </conditionalFormatting>
  <conditionalFormatting sqref="T32">
    <cfRule type="duplicateValues" dxfId="465" priority="31"/>
  </conditionalFormatting>
  <conditionalFormatting sqref="T34">
    <cfRule type="duplicateValues" dxfId="464" priority="30"/>
  </conditionalFormatting>
  <conditionalFormatting sqref="T35">
    <cfRule type="duplicateValues" dxfId="463" priority="29"/>
  </conditionalFormatting>
  <conditionalFormatting sqref="T33">
    <cfRule type="duplicateValues" dxfId="462" priority="28"/>
  </conditionalFormatting>
  <conditionalFormatting sqref="D40">
    <cfRule type="duplicateValues" dxfId="461" priority="27"/>
  </conditionalFormatting>
  <conditionalFormatting sqref="D41">
    <cfRule type="duplicateValues" dxfId="460" priority="26"/>
  </conditionalFormatting>
  <conditionalFormatting sqref="D42">
    <cfRule type="duplicateValues" dxfId="459" priority="25"/>
  </conditionalFormatting>
  <conditionalFormatting sqref="D43">
    <cfRule type="duplicateValues" dxfId="458" priority="24"/>
  </conditionalFormatting>
  <conditionalFormatting sqref="D44">
    <cfRule type="duplicateValues" dxfId="457" priority="23"/>
  </conditionalFormatting>
  <conditionalFormatting sqref="D45">
    <cfRule type="duplicateValues" dxfId="456" priority="22"/>
  </conditionalFormatting>
  <conditionalFormatting sqref="D46">
    <cfRule type="duplicateValues" dxfId="455" priority="21"/>
  </conditionalFormatting>
  <conditionalFormatting sqref="D47">
    <cfRule type="duplicateValues" dxfId="454" priority="20"/>
  </conditionalFormatting>
  <conditionalFormatting sqref="D48">
    <cfRule type="duplicateValues" dxfId="453" priority="19"/>
  </conditionalFormatting>
  <conditionalFormatting sqref="D49">
    <cfRule type="duplicateValues" dxfId="452" priority="18"/>
  </conditionalFormatting>
  <conditionalFormatting sqref="D51">
    <cfRule type="duplicateValues" dxfId="451" priority="17"/>
  </conditionalFormatting>
  <conditionalFormatting sqref="D52">
    <cfRule type="duplicateValues" dxfId="450" priority="16"/>
  </conditionalFormatting>
  <conditionalFormatting sqref="D53">
    <cfRule type="duplicateValues" dxfId="449" priority="15"/>
  </conditionalFormatting>
  <conditionalFormatting sqref="D55">
    <cfRule type="duplicateValues" dxfId="448" priority="14"/>
  </conditionalFormatting>
  <conditionalFormatting sqref="D56">
    <cfRule type="duplicateValues" dxfId="447" priority="13"/>
  </conditionalFormatting>
  <conditionalFormatting sqref="D57">
    <cfRule type="duplicateValues" dxfId="446" priority="12"/>
  </conditionalFormatting>
  <conditionalFormatting sqref="D54">
    <cfRule type="duplicateValues" dxfId="445" priority="10" stopIfTrue="1"/>
    <cfRule type="duplicateValues" dxfId="444" priority="11" stopIfTrue="1"/>
  </conditionalFormatting>
  <conditionalFormatting sqref="D54">
    <cfRule type="duplicateValues" dxfId="443" priority="9" stopIfTrue="1"/>
  </conditionalFormatting>
  <conditionalFormatting sqref="D58">
    <cfRule type="duplicateValues" dxfId="442" priority="8"/>
  </conditionalFormatting>
  <conditionalFormatting sqref="D59">
    <cfRule type="duplicateValues" dxfId="441" priority="7"/>
  </conditionalFormatting>
  <conditionalFormatting sqref="D60">
    <cfRule type="duplicateValues" dxfId="440" priority="5" stopIfTrue="1"/>
    <cfRule type="duplicateValues" dxfId="439" priority="6" stopIfTrue="1"/>
  </conditionalFormatting>
  <conditionalFormatting sqref="D60">
    <cfRule type="duplicateValues" dxfId="438" priority="4" stopIfTrue="1"/>
  </conditionalFormatting>
  <conditionalFormatting sqref="D61">
    <cfRule type="duplicateValues" dxfId="437" priority="3"/>
  </conditionalFormatting>
  <conditionalFormatting sqref="L40">
    <cfRule type="duplicateValues" dxfId="436" priority="2"/>
  </conditionalFormatting>
  <conditionalFormatting sqref="P67">
    <cfRule type="duplicateValues" dxfId="435" priority="1"/>
  </conditionalFormatting>
  <pageMargins left="0.75" right="0.75" top="1" bottom="1" header="0.5" footer="0.5"/>
  <pageSetup orientation="portrait" horizontalDpi="200" verticalDpi="2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T67"/>
  <sheetViews>
    <sheetView tabSelected="1" workbookViewId="0">
      <selection activeCell="H32" sqref="H32"/>
    </sheetView>
  </sheetViews>
  <sheetFormatPr defaultRowHeight="12.75" x14ac:dyDescent="0.2"/>
  <cols>
    <col min="1" max="1" width="8.7109375" customWidth="1"/>
    <col min="3" max="4" width="17.7109375" customWidth="1"/>
    <col min="7" max="7" width="19.5703125" customWidth="1"/>
    <col min="8" max="8" width="17.7109375" customWidth="1"/>
    <col min="11" max="11" width="17.140625" customWidth="1"/>
    <col min="12" max="12" width="17.7109375" customWidth="1"/>
    <col min="15" max="15" width="24.140625" customWidth="1"/>
    <col min="16" max="16" width="16.28515625" customWidth="1"/>
    <col min="18" max="18" width="9.28515625" customWidth="1"/>
    <col min="19" max="19" width="19.5703125" customWidth="1"/>
    <col min="20" max="20" width="18.5703125" customWidth="1"/>
  </cols>
  <sheetData>
    <row r="1" spans="1:20" x14ac:dyDescent="0.2">
      <c r="A1" s="3"/>
    </row>
    <row r="2" spans="1:20" x14ac:dyDescent="0.2">
      <c r="A2" s="3"/>
    </row>
    <row r="6" spans="1:20" x14ac:dyDescent="0.2">
      <c r="A6" t="s">
        <v>0</v>
      </c>
      <c r="B6" s="13"/>
      <c r="E6" s="10" t="s">
        <v>1</v>
      </c>
      <c r="F6" s="10"/>
      <c r="I6" t="s">
        <v>2</v>
      </c>
      <c r="J6" s="13"/>
      <c r="M6" s="10" t="s">
        <v>32</v>
      </c>
      <c r="N6" s="10"/>
      <c r="Q6" s="10" t="s">
        <v>34</v>
      </c>
      <c r="R6" s="10"/>
    </row>
    <row r="7" spans="1:20" x14ac:dyDescent="0.2">
      <c r="A7" t="s">
        <v>12</v>
      </c>
      <c r="B7" t="s">
        <v>13</v>
      </c>
      <c r="C7" t="s">
        <v>12</v>
      </c>
      <c r="D7" t="s">
        <v>33</v>
      </c>
      <c r="E7" t="s">
        <v>12</v>
      </c>
      <c r="F7" t="s">
        <v>13</v>
      </c>
      <c r="G7" t="s">
        <v>12</v>
      </c>
      <c r="H7" t="s">
        <v>33</v>
      </c>
      <c r="I7" t="s">
        <v>12</v>
      </c>
      <c r="J7" t="s">
        <v>13</v>
      </c>
      <c r="K7" t="s">
        <v>12</v>
      </c>
      <c r="L7" t="s">
        <v>33</v>
      </c>
      <c r="M7" t="s">
        <v>12</v>
      </c>
      <c r="N7" t="s">
        <v>13</v>
      </c>
      <c r="Q7" t="s">
        <v>12</v>
      </c>
      <c r="R7" t="s">
        <v>13</v>
      </c>
    </row>
    <row r="8" spans="1:20" x14ac:dyDescent="0.2">
      <c r="A8" s="15" t="s">
        <v>18</v>
      </c>
      <c r="B8" s="3"/>
      <c r="C8" s="24" t="s">
        <v>387</v>
      </c>
      <c r="D8" s="24" t="s">
        <v>388</v>
      </c>
      <c r="E8" s="15" t="s">
        <v>18</v>
      </c>
      <c r="F8" s="3"/>
      <c r="G8" s="24" t="s">
        <v>426</v>
      </c>
      <c r="H8" s="24" t="s">
        <v>425</v>
      </c>
      <c r="I8" s="15" t="s">
        <v>18</v>
      </c>
      <c r="J8" s="3"/>
      <c r="K8" s="25" t="s">
        <v>389</v>
      </c>
      <c r="L8" s="24" t="s">
        <v>427</v>
      </c>
      <c r="M8" s="15" t="s">
        <v>18</v>
      </c>
      <c r="N8" s="3"/>
      <c r="O8" s="25" t="s">
        <v>389</v>
      </c>
      <c r="Q8" s="15" t="s">
        <v>18</v>
      </c>
      <c r="R8" s="3"/>
      <c r="S8" s="25" t="s">
        <v>389</v>
      </c>
    </row>
    <row r="9" spans="1:20" x14ac:dyDescent="0.2">
      <c r="A9" s="15" t="s">
        <v>21</v>
      </c>
      <c r="B9" s="3"/>
      <c r="C9" s="23" t="s">
        <v>462</v>
      </c>
      <c r="D9" s="24" t="s">
        <v>463</v>
      </c>
      <c r="E9" s="15" t="s">
        <v>21</v>
      </c>
      <c r="F9" s="3"/>
      <c r="G9" s="25" t="s">
        <v>389</v>
      </c>
      <c r="H9" s="3"/>
      <c r="I9" s="15" t="s">
        <v>21</v>
      </c>
      <c r="J9" s="3"/>
      <c r="K9" s="25" t="s">
        <v>389</v>
      </c>
      <c r="L9" s="3"/>
      <c r="M9" s="15" t="s">
        <v>21</v>
      </c>
      <c r="N9" s="3"/>
      <c r="O9" s="25" t="s">
        <v>389</v>
      </c>
      <c r="Q9" s="15" t="s">
        <v>21</v>
      </c>
      <c r="R9" s="3"/>
      <c r="S9" s="25" t="s">
        <v>389</v>
      </c>
    </row>
    <row r="10" spans="1:20" x14ac:dyDescent="0.2">
      <c r="A10" s="15" t="s">
        <v>39</v>
      </c>
      <c r="B10" s="3"/>
      <c r="C10" s="23" t="s">
        <v>390</v>
      </c>
      <c r="D10" s="25" t="s">
        <v>389</v>
      </c>
      <c r="E10" s="15" t="s">
        <v>39</v>
      </c>
      <c r="F10" s="3"/>
      <c r="G10" s="23" t="s">
        <v>428</v>
      </c>
      <c r="H10" s="25" t="s">
        <v>389</v>
      </c>
      <c r="I10" s="15" t="s">
        <v>39</v>
      </c>
      <c r="J10" s="3"/>
      <c r="K10" s="25" t="s">
        <v>389</v>
      </c>
      <c r="L10" s="6"/>
      <c r="M10" s="15" t="s">
        <v>39</v>
      </c>
      <c r="N10" s="3"/>
      <c r="O10" s="25" t="s">
        <v>389</v>
      </c>
      <c r="Q10" s="15" t="s">
        <v>39</v>
      </c>
      <c r="R10" s="3"/>
      <c r="S10" s="25" t="s">
        <v>389</v>
      </c>
    </row>
    <row r="11" spans="1:20" x14ac:dyDescent="0.2">
      <c r="A11" s="19" t="s">
        <v>101</v>
      </c>
      <c r="B11" s="3"/>
      <c r="C11" s="24" t="s">
        <v>391</v>
      </c>
      <c r="D11" s="25" t="s">
        <v>389</v>
      </c>
      <c r="E11" s="19" t="s">
        <v>101</v>
      </c>
      <c r="F11" s="3"/>
      <c r="G11" s="25" t="s">
        <v>389</v>
      </c>
      <c r="H11" s="6"/>
      <c r="I11" s="19" t="s">
        <v>101</v>
      </c>
      <c r="J11" s="3"/>
      <c r="K11" s="25" t="s">
        <v>389</v>
      </c>
      <c r="M11" s="19" t="s">
        <v>101</v>
      </c>
      <c r="N11" s="3"/>
      <c r="O11" s="25" t="s">
        <v>389</v>
      </c>
      <c r="Q11" s="19" t="s">
        <v>101</v>
      </c>
      <c r="R11" s="3"/>
      <c r="S11" s="25" t="s">
        <v>389</v>
      </c>
    </row>
    <row r="12" spans="1:20" x14ac:dyDescent="0.2">
      <c r="A12" s="15" t="s">
        <v>40</v>
      </c>
      <c r="B12" s="3"/>
      <c r="C12" s="25" t="s">
        <v>389</v>
      </c>
      <c r="D12" s="6"/>
      <c r="E12" s="15" t="s">
        <v>40</v>
      </c>
      <c r="F12" s="3"/>
      <c r="G12" s="25" t="s">
        <v>389</v>
      </c>
      <c r="I12" s="15" t="s">
        <v>40</v>
      </c>
      <c r="J12" s="3"/>
      <c r="K12" s="25" t="s">
        <v>389</v>
      </c>
      <c r="L12" s="3"/>
      <c r="M12" s="15" t="s">
        <v>40</v>
      </c>
      <c r="N12" s="3"/>
      <c r="O12" s="25" t="s">
        <v>389</v>
      </c>
      <c r="Q12" s="15" t="s">
        <v>40</v>
      </c>
      <c r="R12" s="3"/>
      <c r="S12" s="25" t="s">
        <v>389</v>
      </c>
    </row>
    <row r="13" spans="1:20" x14ac:dyDescent="0.2">
      <c r="A13" s="15" t="s">
        <v>24</v>
      </c>
      <c r="B13" s="3"/>
      <c r="C13" s="25" t="s">
        <v>389</v>
      </c>
      <c r="D13" s="6"/>
      <c r="E13" s="15" t="s">
        <v>24</v>
      </c>
      <c r="F13" s="3"/>
      <c r="G13" s="25" t="s">
        <v>389</v>
      </c>
      <c r="H13" s="6"/>
      <c r="I13" s="15" t="s">
        <v>24</v>
      </c>
      <c r="J13" s="3"/>
      <c r="K13" s="25" t="s">
        <v>389</v>
      </c>
      <c r="L13" s="3"/>
      <c r="M13" s="15" t="s">
        <v>24</v>
      </c>
      <c r="N13" s="3"/>
      <c r="O13" s="25" t="s">
        <v>389</v>
      </c>
      <c r="Q13" s="15" t="s">
        <v>24</v>
      </c>
      <c r="R13" s="3"/>
      <c r="S13" s="25" t="s">
        <v>389</v>
      </c>
    </row>
    <row r="14" spans="1:20" x14ac:dyDescent="0.2">
      <c r="A14" s="15" t="s">
        <v>5</v>
      </c>
      <c r="B14" s="3"/>
      <c r="C14" s="25" t="s">
        <v>389</v>
      </c>
      <c r="D14" s="3"/>
      <c r="E14" s="15" t="s">
        <v>5</v>
      </c>
      <c r="F14" s="3"/>
      <c r="G14" s="25" t="s">
        <v>389</v>
      </c>
      <c r="I14" s="15" t="s">
        <v>5</v>
      </c>
      <c r="J14" s="3"/>
      <c r="K14" s="25" t="s">
        <v>389</v>
      </c>
      <c r="L14" s="6"/>
      <c r="M14" s="15" t="s">
        <v>5</v>
      </c>
      <c r="N14" s="3"/>
      <c r="O14" s="25" t="s">
        <v>389</v>
      </c>
      <c r="P14" s="6"/>
      <c r="Q14" s="15" t="s">
        <v>5</v>
      </c>
      <c r="R14" s="3"/>
      <c r="S14" s="25" t="s">
        <v>389</v>
      </c>
    </row>
    <row r="15" spans="1:20" x14ac:dyDescent="0.2">
      <c r="A15" s="15" t="s">
        <v>4</v>
      </c>
      <c r="B15" s="3"/>
      <c r="C15" s="24" t="s">
        <v>459</v>
      </c>
      <c r="D15" s="24" t="s">
        <v>461</v>
      </c>
      <c r="E15" s="15" t="s">
        <v>4</v>
      </c>
      <c r="F15" s="3"/>
      <c r="G15" s="24" t="s">
        <v>458</v>
      </c>
      <c r="H15" t="s">
        <v>460</v>
      </c>
      <c r="I15" s="15" t="s">
        <v>4</v>
      </c>
      <c r="J15" s="3"/>
      <c r="K15" s="25" t="s">
        <v>389</v>
      </c>
      <c r="L15" s="6"/>
      <c r="M15" s="15" t="s">
        <v>4</v>
      </c>
      <c r="N15" s="3"/>
      <c r="O15" s="25" t="s">
        <v>389</v>
      </c>
      <c r="P15" s="6"/>
      <c r="Q15" s="15" t="s">
        <v>4</v>
      </c>
      <c r="R15" s="3"/>
      <c r="S15" s="25" t="s">
        <v>389</v>
      </c>
      <c r="T15" s="6"/>
    </row>
    <row r="16" spans="1:20" x14ac:dyDescent="0.2">
      <c r="A16" s="15" t="s">
        <v>37</v>
      </c>
      <c r="B16" s="3"/>
      <c r="C16" s="24" t="s">
        <v>392</v>
      </c>
      <c r="D16" s="24" t="s">
        <v>393</v>
      </c>
      <c r="E16" s="15" t="s">
        <v>37</v>
      </c>
      <c r="F16" s="3"/>
      <c r="G16" s="23" t="s">
        <v>429</v>
      </c>
      <c r="H16" s="24" t="s">
        <v>430</v>
      </c>
      <c r="I16" s="15" t="s">
        <v>37</v>
      </c>
      <c r="J16" s="3"/>
      <c r="K16" s="25" t="s">
        <v>389</v>
      </c>
      <c r="L16" s="6"/>
      <c r="M16" s="15" t="s">
        <v>37</v>
      </c>
      <c r="N16" s="3"/>
      <c r="O16" s="25" t="s">
        <v>389</v>
      </c>
      <c r="Q16" s="15" t="s">
        <v>37</v>
      </c>
      <c r="R16" s="3"/>
      <c r="S16" s="25" t="s">
        <v>389</v>
      </c>
    </row>
    <row r="17" spans="1:20" x14ac:dyDescent="0.2">
      <c r="A17" s="15" t="s">
        <v>19</v>
      </c>
      <c r="B17" s="3"/>
      <c r="C17" s="23" t="s">
        <v>394</v>
      </c>
      <c r="D17" t="s">
        <v>395</v>
      </c>
      <c r="E17" s="15" t="s">
        <v>19</v>
      </c>
      <c r="F17" s="3"/>
      <c r="G17" s="23" t="s">
        <v>432</v>
      </c>
      <c r="H17" s="24" t="s">
        <v>431</v>
      </c>
      <c r="I17" s="15" t="s">
        <v>19</v>
      </c>
      <c r="J17" s="3"/>
      <c r="K17" s="25" t="s">
        <v>389</v>
      </c>
      <c r="M17" s="15" t="s">
        <v>19</v>
      </c>
      <c r="N17" s="3"/>
      <c r="O17" s="25" t="s">
        <v>389</v>
      </c>
      <c r="P17" s="3"/>
      <c r="Q17" s="15" t="s">
        <v>19</v>
      </c>
      <c r="R17" s="3"/>
      <c r="S17" s="25" t="s">
        <v>389</v>
      </c>
      <c r="T17" s="6"/>
    </row>
    <row r="18" spans="1:20" x14ac:dyDescent="0.2">
      <c r="A18" s="15" t="s">
        <v>8</v>
      </c>
      <c r="B18" s="3"/>
      <c r="C18" s="23" t="s">
        <v>397</v>
      </c>
      <c r="D18" s="24" t="s">
        <v>396</v>
      </c>
      <c r="E18" s="15" t="s">
        <v>8</v>
      </c>
      <c r="F18" s="3"/>
      <c r="G18" s="25" t="s">
        <v>389</v>
      </c>
      <c r="H18" s="3"/>
      <c r="I18" s="15" t="s">
        <v>8</v>
      </c>
      <c r="J18" s="3"/>
      <c r="K18" s="25" t="s">
        <v>389</v>
      </c>
      <c r="L18" s="3"/>
      <c r="M18" s="15" t="s">
        <v>8</v>
      </c>
      <c r="N18" s="3"/>
      <c r="O18" s="25" t="s">
        <v>389</v>
      </c>
      <c r="Q18" s="15" t="s">
        <v>8</v>
      </c>
      <c r="R18" s="3"/>
      <c r="S18" s="25" t="s">
        <v>389</v>
      </c>
    </row>
    <row r="19" spans="1:20" x14ac:dyDescent="0.2">
      <c r="A19" s="15" t="s">
        <v>43</v>
      </c>
      <c r="B19" s="3"/>
      <c r="C19" s="24" t="s">
        <v>398</v>
      </c>
      <c r="D19" s="24" t="s">
        <v>399</v>
      </c>
      <c r="E19" s="15" t="s">
        <v>43</v>
      </c>
      <c r="F19" s="3"/>
      <c r="G19" s="23" t="s">
        <v>433</v>
      </c>
      <c r="H19" s="24" t="s">
        <v>434</v>
      </c>
      <c r="I19" s="15" t="s">
        <v>43</v>
      </c>
      <c r="J19" s="3"/>
      <c r="K19" s="25" t="s">
        <v>389</v>
      </c>
      <c r="L19" s="3"/>
      <c r="M19" s="15" t="s">
        <v>43</v>
      </c>
      <c r="N19" s="3"/>
      <c r="O19" s="25" t="s">
        <v>389</v>
      </c>
      <c r="Q19" s="15" t="s">
        <v>43</v>
      </c>
      <c r="R19" s="3"/>
      <c r="S19" s="25" t="s">
        <v>389</v>
      </c>
    </row>
    <row r="20" spans="1:20" x14ac:dyDescent="0.2">
      <c r="A20" s="15" t="s">
        <v>41</v>
      </c>
      <c r="B20" s="3"/>
      <c r="C20" s="23" t="s">
        <v>400</v>
      </c>
      <c r="D20" s="24" t="s">
        <v>401</v>
      </c>
      <c r="E20" s="15" t="s">
        <v>41</v>
      </c>
      <c r="F20" s="3"/>
      <c r="G20" s="25" t="s">
        <v>389</v>
      </c>
      <c r="H20" s="6"/>
      <c r="I20" s="15" t="s">
        <v>41</v>
      </c>
      <c r="J20" s="3"/>
      <c r="K20" s="25" t="s">
        <v>389</v>
      </c>
      <c r="L20" s="9"/>
      <c r="M20" s="15" t="s">
        <v>41</v>
      </c>
      <c r="N20" s="3"/>
      <c r="O20" s="25" t="s">
        <v>389</v>
      </c>
      <c r="Q20" s="15" t="s">
        <v>41</v>
      </c>
      <c r="R20" s="3"/>
      <c r="S20" s="25" t="s">
        <v>389</v>
      </c>
    </row>
    <row r="21" spans="1:20" x14ac:dyDescent="0.2">
      <c r="A21" s="15" t="s">
        <v>26</v>
      </c>
      <c r="B21" s="3"/>
      <c r="C21" s="25" t="s">
        <v>389</v>
      </c>
      <c r="D21" s="6"/>
      <c r="E21" s="15" t="s">
        <v>26</v>
      </c>
      <c r="F21" s="3"/>
      <c r="G21" s="25" t="s">
        <v>389</v>
      </c>
      <c r="H21" s="6"/>
      <c r="I21" s="15" t="s">
        <v>26</v>
      </c>
      <c r="J21" s="3"/>
      <c r="K21" s="25" t="s">
        <v>389</v>
      </c>
      <c r="L21" s="3"/>
      <c r="M21" s="15" t="s">
        <v>26</v>
      </c>
      <c r="N21" s="3"/>
      <c r="O21" s="25" t="s">
        <v>389</v>
      </c>
      <c r="Q21" s="15" t="s">
        <v>26</v>
      </c>
      <c r="R21" s="3"/>
      <c r="S21" s="25" t="s">
        <v>389</v>
      </c>
    </row>
    <row r="22" spans="1:20" x14ac:dyDescent="0.2">
      <c r="A22" s="15" t="s">
        <v>23</v>
      </c>
      <c r="B22" s="3"/>
      <c r="C22" t="s">
        <v>402</v>
      </c>
      <c r="D22" s="25" t="s">
        <v>389</v>
      </c>
      <c r="E22" s="15" t="s">
        <v>23</v>
      </c>
      <c r="F22" s="3"/>
      <c r="G22" s="25" t="s">
        <v>389</v>
      </c>
      <c r="H22" s="6"/>
      <c r="I22" s="15" t="s">
        <v>23</v>
      </c>
      <c r="J22" s="3"/>
      <c r="K22" s="25" t="s">
        <v>389</v>
      </c>
      <c r="L22" s="6"/>
      <c r="M22" s="15" t="s">
        <v>23</v>
      </c>
      <c r="N22" s="3"/>
      <c r="O22" s="25" t="s">
        <v>389</v>
      </c>
      <c r="Q22" s="15" t="s">
        <v>23</v>
      </c>
      <c r="R22" s="3"/>
      <c r="S22" s="25" t="s">
        <v>389</v>
      </c>
    </row>
    <row r="23" spans="1:20" x14ac:dyDescent="0.2">
      <c r="A23" s="15" t="s">
        <v>20</v>
      </c>
      <c r="B23" s="3"/>
      <c r="C23" s="23" t="s">
        <v>404</v>
      </c>
      <c r="D23" s="24" t="s">
        <v>403</v>
      </c>
      <c r="E23" s="15" t="s">
        <v>20</v>
      </c>
      <c r="F23" s="3"/>
      <c r="G23" s="25" t="s">
        <v>389</v>
      </c>
      <c r="H23" s="6"/>
      <c r="I23" s="15" t="s">
        <v>20</v>
      </c>
      <c r="J23" s="3"/>
      <c r="K23" s="25" t="s">
        <v>389</v>
      </c>
      <c r="L23" s="6"/>
      <c r="M23" s="15" t="s">
        <v>20</v>
      </c>
      <c r="N23" s="3"/>
      <c r="O23" s="25" t="s">
        <v>389</v>
      </c>
      <c r="P23" s="6"/>
      <c r="Q23" s="15" t="s">
        <v>20</v>
      </c>
      <c r="R23" s="3"/>
      <c r="S23" s="25" t="s">
        <v>389</v>
      </c>
      <c r="T23" s="6"/>
    </row>
    <row r="24" spans="1:20" x14ac:dyDescent="0.2">
      <c r="A24" s="15" t="s">
        <v>14</v>
      </c>
      <c r="B24" s="3"/>
      <c r="C24" s="24" t="s">
        <v>405</v>
      </c>
      <c r="D24" s="25" t="s">
        <v>389</v>
      </c>
      <c r="E24" s="15" t="s">
        <v>14</v>
      </c>
      <c r="F24" s="3"/>
      <c r="G24" s="24" t="s">
        <v>435</v>
      </c>
      <c r="H24" s="24" t="s">
        <v>437</v>
      </c>
      <c r="I24" s="15" t="s">
        <v>14</v>
      </c>
      <c r="J24" s="3"/>
      <c r="K24" s="24" t="s">
        <v>436</v>
      </c>
      <c r="L24" s="24" t="s">
        <v>438</v>
      </c>
      <c r="M24" s="15" t="s">
        <v>14</v>
      </c>
      <c r="N24" s="3"/>
      <c r="O24" s="25" t="s">
        <v>389</v>
      </c>
      <c r="Q24" s="15" t="s">
        <v>14</v>
      </c>
      <c r="R24" s="3"/>
      <c r="S24" s="25" t="s">
        <v>389</v>
      </c>
    </row>
    <row r="25" spans="1:20" x14ac:dyDescent="0.2">
      <c r="A25" s="15" t="s">
        <v>36</v>
      </c>
      <c r="B25" s="3"/>
      <c r="C25" s="23" t="s">
        <v>407</v>
      </c>
      <c r="D25" s="24" t="s">
        <v>406</v>
      </c>
      <c r="E25" s="15" t="s">
        <v>36</v>
      </c>
      <c r="F25" s="3"/>
      <c r="G25" s="25" t="s">
        <v>389</v>
      </c>
      <c r="H25" s="3"/>
      <c r="I25" s="15" t="s">
        <v>36</v>
      </c>
      <c r="J25" s="3"/>
      <c r="K25" s="25" t="s">
        <v>389</v>
      </c>
      <c r="L25" s="3"/>
      <c r="M25" s="15" t="s">
        <v>36</v>
      </c>
      <c r="N25" s="3"/>
      <c r="O25" s="25" t="s">
        <v>389</v>
      </c>
      <c r="Q25" s="15" t="s">
        <v>36</v>
      </c>
      <c r="R25" s="3"/>
      <c r="S25" s="25" t="s">
        <v>389</v>
      </c>
    </row>
    <row r="26" spans="1:20" x14ac:dyDescent="0.2">
      <c r="A26" s="15" t="s">
        <v>9</v>
      </c>
      <c r="B26" s="3"/>
      <c r="C26" s="23" t="s">
        <v>408</v>
      </c>
      <c r="D26" s="24" t="s">
        <v>409</v>
      </c>
      <c r="E26" s="15" t="s">
        <v>9</v>
      </c>
      <c r="F26" s="3"/>
      <c r="G26" s="24" t="s">
        <v>439</v>
      </c>
      <c r="H26" s="24" t="s">
        <v>440</v>
      </c>
      <c r="I26" s="15" t="s">
        <v>9</v>
      </c>
      <c r="J26" s="3"/>
      <c r="K26" s="25" t="s">
        <v>389</v>
      </c>
      <c r="L26" s="3"/>
      <c r="M26" s="15" t="s">
        <v>9</v>
      </c>
      <c r="N26" s="3"/>
      <c r="O26" s="25" t="s">
        <v>389</v>
      </c>
      <c r="Q26" s="15" t="s">
        <v>9</v>
      </c>
      <c r="R26" s="3"/>
      <c r="S26" s="25" t="s">
        <v>389</v>
      </c>
    </row>
    <row r="27" spans="1:20" x14ac:dyDescent="0.2">
      <c r="A27" s="15" t="s">
        <v>15</v>
      </c>
      <c r="B27" s="3"/>
      <c r="C27" s="24" t="s">
        <v>410</v>
      </c>
      <c r="D27" t="s">
        <v>411</v>
      </c>
      <c r="E27" s="15" t="s">
        <v>15</v>
      </c>
      <c r="F27" s="3"/>
      <c r="G27" s="24" t="s">
        <v>441</v>
      </c>
      <c r="H27" s="24" t="s">
        <v>443</v>
      </c>
      <c r="I27" s="15" t="s">
        <v>15</v>
      </c>
      <c r="J27" s="3"/>
      <c r="K27" s="23" t="s">
        <v>444</v>
      </c>
      <c r="L27" s="24" t="s">
        <v>442</v>
      </c>
      <c r="M27" s="15" t="s">
        <v>15</v>
      </c>
      <c r="N27" s="3"/>
      <c r="O27" s="25" t="s">
        <v>389</v>
      </c>
      <c r="P27" s="6"/>
      <c r="Q27" s="15" t="s">
        <v>15</v>
      </c>
      <c r="R27" s="3"/>
      <c r="S27" s="25" t="s">
        <v>389</v>
      </c>
    </row>
    <row r="28" spans="1:20" x14ac:dyDescent="0.2">
      <c r="A28" s="15" t="s">
        <v>10</v>
      </c>
      <c r="B28" s="3"/>
      <c r="C28" s="25" t="s">
        <v>389</v>
      </c>
      <c r="D28" s="6"/>
      <c r="E28" s="15" t="s">
        <v>10</v>
      </c>
      <c r="F28" s="3"/>
      <c r="G28" s="25" t="s">
        <v>389</v>
      </c>
      <c r="H28" s="6"/>
      <c r="I28" s="15" t="s">
        <v>10</v>
      </c>
      <c r="J28" s="3"/>
      <c r="K28" s="25" t="s">
        <v>389</v>
      </c>
      <c r="L28" s="3"/>
      <c r="M28" s="15" t="s">
        <v>10</v>
      </c>
      <c r="N28" s="3"/>
      <c r="O28" s="25" t="s">
        <v>389</v>
      </c>
      <c r="Q28" s="15" t="s">
        <v>10</v>
      </c>
      <c r="R28" s="3"/>
      <c r="S28" s="25" t="s">
        <v>389</v>
      </c>
    </row>
    <row r="29" spans="1:20" x14ac:dyDescent="0.2">
      <c r="A29" s="15" t="s">
        <v>17</v>
      </c>
      <c r="B29" s="3"/>
      <c r="C29" s="23" t="s">
        <v>412</v>
      </c>
      <c r="D29" s="24" t="s">
        <v>413</v>
      </c>
      <c r="E29" s="15" t="s">
        <v>17</v>
      </c>
      <c r="F29" s="3"/>
      <c r="G29" s="23" t="s">
        <v>445</v>
      </c>
      <c r="H29" s="24" t="s">
        <v>446</v>
      </c>
      <c r="I29" s="15" t="s">
        <v>17</v>
      </c>
      <c r="J29" s="3"/>
      <c r="K29" s="23" t="s">
        <v>447</v>
      </c>
      <c r="L29" s="24" t="s">
        <v>448</v>
      </c>
      <c r="M29" s="15" t="s">
        <v>17</v>
      </c>
      <c r="N29" s="3"/>
      <c r="O29" s="23" t="s">
        <v>449</v>
      </c>
      <c r="P29" s="24" t="s">
        <v>450</v>
      </c>
      <c r="Q29" s="15" t="s">
        <v>17</v>
      </c>
      <c r="R29" s="3"/>
      <c r="S29" s="25" t="s">
        <v>389</v>
      </c>
      <c r="T29" s="6"/>
    </row>
    <row r="30" spans="1:20" x14ac:dyDescent="0.2">
      <c r="A30" s="15" t="s">
        <v>7</v>
      </c>
      <c r="B30" s="3"/>
      <c r="C30" s="23" t="s">
        <v>414</v>
      </c>
      <c r="D30" s="22" t="s">
        <v>389</v>
      </c>
      <c r="E30" s="15" t="s">
        <v>7</v>
      </c>
      <c r="F30" s="3"/>
      <c r="G30" s="23" t="s">
        <v>451</v>
      </c>
      <c r="H30" s="22" t="s">
        <v>389</v>
      </c>
      <c r="I30" s="15" t="s">
        <v>7</v>
      </c>
      <c r="J30" s="3"/>
      <c r="K30" s="23" t="s">
        <v>452</v>
      </c>
      <c r="L30" s="22" t="s">
        <v>389</v>
      </c>
      <c r="M30" s="15" t="s">
        <v>7</v>
      </c>
      <c r="N30" s="3"/>
      <c r="O30" s="24" t="s">
        <v>453</v>
      </c>
      <c r="P30" s="24" t="s">
        <v>389</v>
      </c>
      <c r="Q30" s="15" t="s">
        <v>7</v>
      </c>
      <c r="R30" s="3"/>
      <c r="S30" s="25" t="s">
        <v>389</v>
      </c>
    </row>
    <row r="31" spans="1:20" x14ac:dyDescent="0.2">
      <c r="A31" s="15" t="s">
        <v>38</v>
      </c>
      <c r="B31" s="3"/>
      <c r="C31" s="23" t="s">
        <v>416</v>
      </c>
      <c r="D31" s="24" t="s">
        <v>415</v>
      </c>
      <c r="E31" s="15" t="s">
        <v>38</v>
      </c>
      <c r="F31" s="3"/>
      <c r="G31" s="25" t="s">
        <v>389</v>
      </c>
      <c r="H31" s="6"/>
      <c r="I31" s="15" t="s">
        <v>38</v>
      </c>
      <c r="J31" s="3"/>
      <c r="K31" s="25" t="s">
        <v>389</v>
      </c>
      <c r="L31" s="6"/>
      <c r="M31" s="15" t="s">
        <v>38</v>
      </c>
      <c r="N31" s="3"/>
      <c r="O31" s="24" t="s">
        <v>389</v>
      </c>
      <c r="P31" s="6"/>
      <c r="Q31" s="15" t="s">
        <v>38</v>
      </c>
      <c r="R31" s="3"/>
      <c r="S31" s="24" t="s">
        <v>389</v>
      </c>
    </row>
    <row r="32" spans="1:20" x14ac:dyDescent="0.2">
      <c r="A32" s="15" t="s">
        <v>25</v>
      </c>
      <c r="B32" s="3"/>
      <c r="C32" s="24" t="s">
        <v>418</v>
      </c>
      <c r="D32" t="s">
        <v>417</v>
      </c>
      <c r="E32" s="15" t="s">
        <v>25</v>
      </c>
      <c r="F32" s="3"/>
      <c r="G32" s="24" t="s">
        <v>419</v>
      </c>
      <c r="H32" t="s">
        <v>420</v>
      </c>
      <c r="I32" s="15" t="s">
        <v>25</v>
      </c>
      <c r="J32" s="3"/>
      <c r="K32" s="24" t="s">
        <v>421</v>
      </c>
      <c r="L32" s="24" t="s">
        <v>422</v>
      </c>
      <c r="M32" s="15" t="s">
        <v>25</v>
      </c>
      <c r="N32" s="3"/>
      <c r="O32" s="24" t="s">
        <v>389</v>
      </c>
      <c r="Q32" s="15" t="s">
        <v>25</v>
      </c>
      <c r="R32" s="3"/>
      <c r="S32" s="25" t="s">
        <v>389</v>
      </c>
    </row>
    <row r="33" spans="1:19" x14ac:dyDescent="0.2">
      <c r="A33" s="15" t="s">
        <v>11</v>
      </c>
      <c r="B33" s="3"/>
      <c r="C33" s="24" t="s">
        <v>423</v>
      </c>
      <c r="D33" s="24" t="s">
        <v>424</v>
      </c>
      <c r="E33" s="15" t="s">
        <v>11</v>
      </c>
      <c r="F33" s="3"/>
      <c r="G33" s="23" t="s">
        <v>454</v>
      </c>
      <c r="H33" t="s">
        <v>455</v>
      </c>
      <c r="I33" s="15" t="s">
        <v>11</v>
      </c>
      <c r="J33" s="3"/>
      <c r="K33" s="23" t="s">
        <v>457</v>
      </c>
      <c r="L33" t="s">
        <v>456</v>
      </c>
      <c r="M33" s="15" t="s">
        <v>11</v>
      </c>
      <c r="N33" s="3"/>
      <c r="O33" s="25" t="s">
        <v>389</v>
      </c>
      <c r="Q33" s="15" t="s">
        <v>11</v>
      </c>
      <c r="R33" s="3"/>
      <c r="S33" s="25" t="s">
        <v>389</v>
      </c>
    </row>
    <row r="34" spans="1:19" x14ac:dyDescent="0.2">
      <c r="A34" s="15" t="s">
        <v>22</v>
      </c>
      <c r="B34" s="3"/>
      <c r="C34" s="25" t="s">
        <v>389</v>
      </c>
      <c r="E34" s="15" t="s">
        <v>22</v>
      </c>
      <c r="F34" s="3"/>
      <c r="G34" s="6"/>
      <c r="H34" s="6"/>
      <c r="I34" s="15" t="s">
        <v>22</v>
      </c>
      <c r="J34" s="3"/>
      <c r="K34" s="25" t="s">
        <v>389</v>
      </c>
      <c r="L34" s="3"/>
      <c r="M34" s="15" t="s">
        <v>22</v>
      </c>
      <c r="N34" s="3"/>
      <c r="O34" s="25" t="s">
        <v>389</v>
      </c>
      <c r="Q34" s="15" t="s">
        <v>22</v>
      </c>
      <c r="R34" s="3"/>
      <c r="S34" s="25" t="s">
        <v>389</v>
      </c>
    </row>
    <row r="35" spans="1:19" x14ac:dyDescent="0.2">
      <c r="A35" s="15" t="s">
        <v>6</v>
      </c>
      <c r="B35" s="3"/>
      <c r="C35" s="25" t="s">
        <v>389</v>
      </c>
      <c r="E35" s="15" t="s">
        <v>6</v>
      </c>
      <c r="F35" s="3"/>
      <c r="G35" s="6"/>
      <c r="H35" s="6"/>
      <c r="I35" s="15" t="s">
        <v>6</v>
      </c>
      <c r="J35" s="3"/>
      <c r="K35" s="25" t="s">
        <v>389</v>
      </c>
      <c r="L35" s="6"/>
      <c r="M35" s="15" t="s">
        <v>6</v>
      </c>
      <c r="N35" s="3"/>
      <c r="O35" s="25" t="s">
        <v>389</v>
      </c>
      <c r="P35" s="6"/>
      <c r="Q35" s="15" t="s">
        <v>6</v>
      </c>
      <c r="R35" s="3"/>
      <c r="S35" s="25" t="s">
        <v>389</v>
      </c>
    </row>
    <row r="38" spans="1:19" x14ac:dyDescent="0.2">
      <c r="A38" s="10" t="s">
        <v>16</v>
      </c>
      <c r="B38" s="10"/>
      <c r="E38" t="s">
        <v>35</v>
      </c>
    </row>
    <row r="39" spans="1:19" x14ac:dyDescent="0.2">
      <c r="A39" t="s">
        <v>12</v>
      </c>
      <c r="B39" t="s">
        <v>13</v>
      </c>
      <c r="E39" t="s">
        <v>12</v>
      </c>
      <c r="F39" t="s">
        <v>13</v>
      </c>
    </row>
    <row r="40" spans="1:19" x14ac:dyDescent="0.2">
      <c r="A40" s="15" t="s">
        <v>18</v>
      </c>
      <c r="B40" s="3"/>
      <c r="C40" s="6"/>
      <c r="E40" s="15" t="s">
        <v>18</v>
      </c>
      <c r="F40" s="3"/>
      <c r="G40" s="6"/>
    </row>
    <row r="41" spans="1:19" x14ac:dyDescent="0.2">
      <c r="A41" s="15" t="s">
        <v>21</v>
      </c>
      <c r="B41" s="3"/>
      <c r="C41" s="6"/>
      <c r="E41" s="15" t="s">
        <v>21</v>
      </c>
      <c r="F41" s="3"/>
      <c r="G41" s="6"/>
    </row>
    <row r="42" spans="1:19" x14ac:dyDescent="0.2">
      <c r="A42" s="15" t="s">
        <v>39</v>
      </c>
      <c r="B42" s="3"/>
      <c r="C42" s="6"/>
      <c r="E42" s="15" t="s">
        <v>39</v>
      </c>
      <c r="F42" s="3"/>
      <c r="G42" s="6"/>
    </row>
    <row r="43" spans="1:19" x14ac:dyDescent="0.2">
      <c r="A43" s="19" t="s">
        <v>101</v>
      </c>
      <c r="B43" s="3"/>
      <c r="C43" s="6"/>
      <c r="E43" s="19" t="s">
        <v>101</v>
      </c>
      <c r="F43" s="3"/>
      <c r="G43" s="6"/>
    </row>
    <row r="44" spans="1:19" x14ac:dyDescent="0.2">
      <c r="A44" s="15" t="s">
        <v>40</v>
      </c>
      <c r="B44" s="3"/>
      <c r="C44" s="6"/>
      <c r="E44" s="15" t="s">
        <v>40</v>
      </c>
      <c r="F44" s="3"/>
      <c r="G44" s="6"/>
    </row>
    <row r="45" spans="1:19" x14ac:dyDescent="0.2">
      <c r="A45" s="15" t="s">
        <v>24</v>
      </c>
      <c r="B45" s="3"/>
      <c r="C45" s="6"/>
      <c r="E45" s="15" t="s">
        <v>24</v>
      </c>
      <c r="F45" s="3"/>
      <c r="G45" s="6"/>
    </row>
    <row r="46" spans="1:19" x14ac:dyDescent="0.2">
      <c r="A46" s="15" t="s">
        <v>5</v>
      </c>
      <c r="B46" s="3"/>
      <c r="C46" s="6"/>
      <c r="E46" s="15" t="s">
        <v>5</v>
      </c>
      <c r="F46" s="3"/>
      <c r="G46" s="6"/>
    </row>
    <row r="47" spans="1:19" x14ac:dyDescent="0.2">
      <c r="A47" s="15" t="s">
        <v>4</v>
      </c>
      <c r="B47" s="3"/>
      <c r="C47" s="6"/>
      <c r="D47" s="6"/>
      <c r="E47" s="15" t="s">
        <v>4</v>
      </c>
      <c r="F47" s="3"/>
      <c r="G47" s="6"/>
      <c r="H47" s="6"/>
    </row>
    <row r="48" spans="1:19" x14ac:dyDescent="0.2">
      <c r="A48" s="15" t="s">
        <v>37</v>
      </c>
      <c r="B48" s="3"/>
      <c r="C48" s="6"/>
      <c r="E48" s="15" t="s">
        <v>37</v>
      </c>
      <c r="F48" s="3"/>
      <c r="G48" s="6"/>
    </row>
    <row r="49" spans="1:8" x14ac:dyDescent="0.2">
      <c r="A49" s="15" t="s">
        <v>19</v>
      </c>
      <c r="B49" s="3"/>
      <c r="C49" s="6"/>
      <c r="E49" s="15" t="s">
        <v>19</v>
      </c>
      <c r="F49" s="3"/>
      <c r="G49" s="6"/>
    </row>
    <row r="50" spans="1:8" x14ac:dyDescent="0.2">
      <c r="A50" s="15" t="s">
        <v>8</v>
      </c>
      <c r="B50" s="3"/>
      <c r="C50" s="6"/>
      <c r="E50" s="15" t="s">
        <v>8</v>
      </c>
      <c r="F50" s="3"/>
      <c r="G50" s="6"/>
    </row>
    <row r="51" spans="1:8" x14ac:dyDescent="0.2">
      <c r="A51" s="15" t="s">
        <v>43</v>
      </c>
      <c r="B51" s="3"/>
      <c r="C51" s="6"/>
      <c r="E51" s="15" t="s">
        <v>43</v>
      </c>
      <c r="F51" s="3"/>
      <c r="G51" s="6"/>
    </row>
    <row r="52" spans="1:8" x14ac:dyDescent="0.2">
      <c r="A52" s="15" t="s">
        <v>41</v>
      </c>
      <c r="B52" s="3"/>
      <c r="C52" s="6"/>
      <c r="E52" s="15" t="s">
        <v>41</v>
      </c>
      <c r="F52" s="3"/>
      <c r="G52" s="6"/>
    </row>
    <row r="53" spans="1:8" x14ac:dyDescent="0.2">
      <c r="A53" s="15" t="s">
        <v>26</v>
      </c>
      <c r="B53" s="3"/>
      <c r="C53" s="6"/>
      <c r="E53" s="15" t="s">
        <v>26</v>
      </c>
      <c r="F53" s="3"/>
      <c r="G53" s="6"/>
    </row>
    <row r="54" spans="1:8" x14ac:dyDescent="0.2">
      <c r="A54" s="15" t="s">
        <v>23</v>
      </c>
      <c r="B54" s="3"/>
      <c r="C54" s="6"/>
      <c r="E54" s="15" t="s">
        <v>23</v>
      </c>
      <c r="F54" s="3"/>
      <c r="G54" s="6"/>
    </row>
    <row r="55" spans="1:8" x14ac:dyDescent="0.2">
      <c r="A55" s="15" t="s">
        <v>20</v>
      </c>
      <c r="B55" s="3"/>
      <c r="C55" s="6"/>
      <c r="D55" s="6"/>
      <c r="E55" s="15" t="s">
        <v>20</v>
      </c>
      <c r="F55" s="3"/>
      <c r="G55" s="6"/>
      <c r="H55" s="6"/>
    </row>
    <row r="56" spans="1:8" x14ac:dyDescent="0.2">
      <c r="A56" s="15" t="s">
        <v>14</v>
      </c>
      <c r="B56" s="3"/>
      <c r="C56" s="6"/>
      <c r="E56" s="15" t="s">
        <v>14</v>
      </c>
      <c r="F56" s="3"/>
      <c r="G56" s="6"/>
    </row>
    <row r="57" spans="1:8" x14ac:dyDescent="0.2">
      <c r="A57" s="15" t="s">
        <v>36</v>
      </c>
      <c r="B57" s="3"/>
      <c r="C57" s="6"/>
      <c r="E57" s="15" t="s">
        <v>36</v>
      </c>
      <c r="F57" s="3"/>
      <c r="G57" s="6"/>
    </row>
    <row r="58" spans="1:8" x14ac:dyDescent="0.2">
      <c r="A58" s="15" t="s">
        <v>9</v>
      </c>
      <c r="B58" s="3"/>
      <c r="C58" s="6"/>
      <c r="E58" s="15" t="s">
        <v>9</v>
      </c>
      <c r="F58" s="3"/>
      <c r="G58" s="6"/>
    </row>
    <row r="59" spans="1:8" x14ac:dyDescent="0.2">
      <c r="A59" s="15" t="s">
        <v>15</v>
      </c>
      <c r="B59" s="3"/>
      <c r="C59" s="6"/>
      <c r="E59" s="15" t="s">
        <v>15</v>
      </c>
      <c r="F59" s="3"/>
      <c r="G59" s="6"/>
    </row>
    <row r="60" spans="1:8" x14ac:dyDescent="0.2">
      <c r="A60" s="15" t="s">
        <v>10</v>
      </c>
      <c r="B60" s="3"/>
      <c r="C60" s="6"/>
      <c r="E60" s="15" t="s">
        <v>10</v>
      </c>
      <c r="F60" s="3"/>
      <c r="G60" s="6"/>
    </row>
    <row r="61" spans="1:8" x14ac:dyDescent="0.2">
      <c r="A61" s="15" t="s">
        <v>17</v>
      </c>
      <c r="B61" s="3"/>
      <c r="E61" s="15" t="s">
        <v>17</v>
      </c>
      <c r="F61" s="3"/>
    </row>
    <row r="62" spans="1:8" x14ac:dyDescent="0.2">
      <c r="A62" s="15" t="s">
        <v>7</v>
      </c>
      <c r="B62" s="3"/>
      <c r="C62" s="6"/>
      <c r="E62" s="15" t="s">
        <v>7</v>
      </c>
      <c r="F62" s="3"/>
      <c r="G62" s="6"/>
    </row>
    <row r="63" spans="1:8" x14ac:dyDescent="0.2">
      <c r="A63" s="15" t="s">
        <v>38</v>
      </c>
      <c r="B63" s="3"/>
      <c r="C63" s="6"/>
      <c r="E63" s="15" t="s">
        <v>38</v>
      </c>
      <c r="F63" s="3"/>
      <c r="G63" s="6"/>
    </row>
    <row r="64" spans="1:8" x14ac:dyDescent="0.2">
      <c r="A64" s="15" t="s">
        <v>25</v>
      </c>
      <c r="B64" s="3"/>
      <c r="C64" s="6"/>
      <c r="E64" s="15" t="s">
        <v>25</v>
      </c>
      <c r="F64" s="3"/>
      <c r="G64" s="6"/>
    </row>
    <row r="65" spans="1:7" x14ac:dyDescent="0.2">
      <c r="A65" s="15" t="s">
        <v>11</v>
      </c>
      <c r="B65" s="3"/>
      <c r="C65" s="6"/>
      <c r="E65" s="15" t="s">
        <v>11</v>
      </c>
      <c r="F65" s="3"/>
      <c r="G65" s="6"/>
    </row>
    <row r="66" spans="1:7" x14ac:dyDescent="0.2">
      <c r="A66" s="15" t="s">
        <v>22</v>
      </c>
      <c r="B66" s="3"/>
      <c r="C66" s="6"/>
      <c r="E66" s="15" t="s">
        <v>22</v>
      </c>
      <c r="F66" s="3"/>
      <c r="G66" s="6"/>
    </row>
    <row r="67" spans="1:7" x14ac:dyDescent="0.2">
      <c r="A67" s="15" t="s">
        <v>6</v>
      </c>
      <c r="B67" s="3"/>
      <c r="C67" s="6"/>
      <c r="E67" s="15" t="s">
        <v>6</v>
      </c>
      <c r="F67" s="3"/>
      <c r="G67" s="6"/>
    </row>
  </sheetData>
  <conditionalFormatting sqref="D10">
    <cfRule type="duplicateValues" dxfId="432" priority="673" stopIfTrue="1"/>
    <cfRule type="duplicateValues" dxfId="431" priority="674" stopIfTrue="1"/>
  </conditionalFormatting>
  <conditionalFormatting sqref="D11">
    <cfRule type="duplicateValues" dxfId="430" priority="671" stopIfTrue="1"/>
    <cfRule type="duplicateValues" dxfId="429" priority="672" stopIfTrue="1"/>
  </conditionalFormatting>
  <conditionalFormatting sqref="D12">
    <cfRule type="duplicateValues" dxfId="428" priority="668" stopIfTrue="1"/>
    <cfRule type="duplicateValues" dxfId="427" priority="669" stopIfTrue="1"/>
  </conditionalFormatting>
  <conditionalFormatting sqref="D13">
    <cfRule type="duplicateValues" dxfId="426" priority="665" stopIfTrue="1"/>
    <cfRule type="duplicateValues" dxfId="425" priority="666" stopIfTrue="1"/>
  </conditionalFormatting>
  <conditionalFormatting sqref="D21">
    <cfRule type="duplicateValues" dxfId="424" priority="653" stopIfTrue="1"/>
    <cfRule type="duplicateValues" dxfId="423" priority="654" stopIfTrue="1"/>
  </conditionalFormatting>
  <conditionalFormatting sqref="H21">
    <cfRule type="duplicateValues" dxfId="422" priority="650" stopIfTrue="1"/>
    <cfRule type="duplicateValues" dxfId="421" priority="651" stopIfTrue="1"/>
  </conditionalFormatting>
  <conditionalFormatting sqref="D22">
    <cfRule type="duplicateValues" dxfId="420" priority="645" stopIfTrue="1"/>
    <cfRule type="duplicateValues" dxfId="419" priority="646" stopIfTrue="1"/>
  </conditionalFormatting>
  <conditionalFormatting sqref="H22:H23">
    <cfRule type="duplicateValues" dxfId="418" priority="643" stopIfTrue="1"/>
    <cfRule type="duplicateValues" dxfId="417" priority="644" stopIfTrue="1"/>
  </conditionalFormatting>
  <conditionalFormatting sqref="D24">
    <cfRule type="duplicateValues" dxfId="416" priority="641" stopIfTrue="1"/>
    <cfRule type="duplicateValues" dxfId="415" priority="642" stopIfTrue="1"/>
  </conditionalFormatting>
  <conditionalFormatting sqref="D28">
    <cfRule type="duplicateValues" dxfId="414" priority="629" stopIfTrue="1"/>
    <cfRule type="duplicateValues" dxfId="413" priority="630" stopIfTrue="1"/>
  </conditionalFormatting>
  <conditionalFormatting sqref="H28">
    <cfRule type="duplicateValues" dxfId="412" priority="627" stopIfTrue="1"/>
    <cfRule type="duplicateValues" dxfId="411" priority="628" stopIfTrue="1"/>
  </conditionalFormatting>
  <conditionalFormatting sqref="D34:D35">
    <cfRule type="duplicateValues" dxfId="410" priority="616" stopIfTrue="1"/>
    <cfRule type="duplicateValues" dxfId="409" priority="617" stopIfTrue="1"/>
  </conditionalFormatting>
  <conditionalFormatting sqref="H9">
    <cfRule type="duplicateValues" dxfId="408" priority="612" stopIfTrue="1"/>
    <cfRule type="duplicateValues" dxfId="407" priority="613" stopIfTrue="1"/>
  </conditionalFormatting>
  <conditionalFormatting sqref="H10">
    <cfRule type="duplicateValues" dxfId="406" priority="608" stopIfTrue="1"/>
    <cfRule type="duplicateValues" dxfId="405" priority="609" stopIfTrue="1"/>
  </conditionalFormatting>
  <conditionalFormatting sqref="H11">
    <cfRule type="duplicateValues" dxfId="404" priority="605" stopIfTrue="1"/>
    <cfRule type="duplicateValues" dxfId="403" priority="606" stopIfTrue="1"/>
  </conditionalFormatting>
  <conditionalFormatting sqref="H12">
    <cfRule type="duplicateValues" dxfId="402" priority="603" stopIfTrue="1"/>
    <cfRule type="duplicateValues" dxfId="401" priority="604" stopIfTrue="1"/>
  </conditionalFormatting>
  <conditionalFormatting sqref="H13">
    <cfRule type="duplicateValues" dxfId="400" priority="600" stopIfTrue="1"/>
    <cfRule type="duplicateValues" dxfId="399" priority="601" stopIfTrue="1"/>
  </conditionalFormatting>
  <conditionalFormatting sqref="H14">
    <cfRule type="duplicateValues" dxfId="398" priority="599" stopIfTrue="1"/>
  </conditionalFormatting>
  <conditionalFormatting sqref="P15">
    <cfRule type="duplicateValues" dxfId="397" priority="597" stopIfTrue="1"/>
  </conditionalFormatting>
  <conditionalFormatting sqref="T15">
    <cfRule type="duplicateValues" dxfId="396" priority="592" stopIfTrue="1"/>
  </conditionalFormatting>
  <conditionalFormatting sqref="L16">
    <cfRule type="duplicateValues" dxfId="395" priority="588" stopIfTrue="1"/>
  </conditionalFormatting>
  <conditionalFormatting sqref="T16">
    <cfRule type="duplicateValues" dxfId="394" priority="586" stopIfTrue="1"/>
  </conditionalFormatting>
  <conditionalFormatting sqref="D47">
    <cfRule type="duplicateValues" dxfId="393" priority="581" stopIfTrue="1"/>
  </conditionalFormatting>
  <conditionalFormatting sqref="D48">
    <cfRule type="duplicateValues" dxfId="392" priority="580" stopIfTrue="1"/>
  </conditionalFormatting>
  <conditionalFormatting sqref="L17">
    <cfRule type="duplicateValues" dxfId="391" priority="575" stopIfTrue="1"/>
    <cfRule type="duplicateValues" dxfId="390" priority="576" stopIfTrue="1"/>
  </conditionalFormatting>
  <conditionalFormatting sqref="H20">
    <cfRule type="duplicateValues" dxfId="389" priority="572" stopIfTrue="1"/>
    <cfRule type="duplicateValues" dxfId="388" priority="573" stopIfTrue="1"/>
  </conditionalFormatting>
  <conditionalFormatting sqref="L20">
    <cfRule type="duplicateValues" dxfId="387" priority="569" stopIfTrue="1"/>
    <cfRule type="duplicateValues" dxfId="386" priority="570" stopIfTrue="1"/>
  </conditionalFormatting>
  <conditionalFormatting sqref="P27">
    <cfRule type="duplicateValues" dxfId="385" priority="558" stopIfTrue="1"/>
    <cfRule type="duplicateValues" dxfId="384" priority="559" stopIfTrue="1"/>
  </conditionalFormatting>
  <conditionalFormatting sqref="H31">
    <cfRule type="duplicateValues" dxfId="383" priority="553" stopIfTrue="1"/>
    <cfRule type="duplicateValues" dxfId="382" priority="554" stopIfTrue="1"/>
  </conditionalFormatting>
  <conditionalFormatting sqref="H34">
    <cfRule type="duplicateValues" dxfId="381" priority="549" stopIfTrue="1"/>
    <cfRule type="duplicateValues" dxfId="380" priority="550" stopIfTrue="1"/>
  </conditionalFormatting>
  <conditionalFormatting sqref="H35">
    <cfRule type="duplicateValues" dxfId="379" priority="548" stopIfTrue="1"/>
  </conditionalFormatting>
  <conditionalFormatting sqref="L10">
    <cfRule type="duplicateValues" dxfId="378" priority="545" stopIfTrue="1"/>
    <cfRule type="duplicateValues" dxfId="377" priority="546" stopIfTrue="1"/>
  </conditionalFormatting>
  <conditionalFormatting sqref="L11">
    <cfRule type="duplicateValues" dxfId="376" priority="543" stopIfTrue="1"/>
    <cfRule type="duplicateValues" dxfId="375" priority="544" stopIfTrue="1"/>
  </conditionalFormatting>
  <conditionalFormatting sqref="L14">
    <cfRule type="duplicateValues" dxfId="374" priority="542" stopIfTrue="1"/>
  </conditionalFormatting>
  <conditionalFormatting sqref="L23">
    <cfRule type="duplicateValues" dxfId="373" priority="540" stopIfTrue="1"/>
  </conditionalFormatting>
  <conditionalFormatting sqref="P23">
    <cfRule type="duplicateValues" dxfId="372" priority="539" stopIfTrue="1"/>
  </conditionalFormatting>
  <conditionalFormatting sqref="T23">
    <cfRule type="duplicateValues" dxfId="371" priority="538" stopIfTrue="1"/>
  </conditionalFormatting>
  <conditionalFormatting sqref="L31">
    <cfRule type="duplicateValues" dxfId="370" priority="534" stopIfTrue="1"/>
    <cfRule type="duplicateValues" dxfId="369" priority="535" stopIfTrue="1"/>
  </conditionalFormatting>
  <conditionalFormatting sqref="P14">
    <cfRule type="duplicateValues" dxfId="368" priority="532" stopIfTrue="1"/>
  </conditionalFormatting>
  <conditionalFormatting sqref="L35">
    <cfRule type="duplicateValues" dxfId="367" priority="530" stopIfTrue="1"/>
  </conditionalFormatting>
  <conditionalFormatting sqref="T29">
    <cfRule type="duplicateValues" dxfId="366" priority="529" stopIfTrue="1"/>
  </conditionalFormatting>
  <conditionalFormatting sqref="D55">
    <cfRule type="duplicateValues" dxfId="365" priority="518" stopIfTrue="1"/>
  </conditionalFormatting>
  <conditionalFormatting sqref="H55">
    <cfRule type="duplicateValues" dxfId="364" priority="513" stopIfTrue="1"/>
  </conditionalFormatting>
  <conditionalFormatting sqref="H47">
    <cfRule type="duplicateValues" dxfId="363" priority="507" stopIfTrue="1"/>
  </conditionalFormatting>
  <conditionalFormatting sqref="H48">
    <cfRule type="duplicateValues" dxfId="362" priority="506" stopIfTrue="1"/>
  </conditionalFormatting>
  <conditionalFormatting sqref="P35">
    <cfRule type="duplicateValues" dxfId="361" priority="503" stopIfTrue="1"/>
    <cfRule type="duplicateValues" dxfId="360" priority="504" stopIfTrue="1"/>
  </conditionalFormatting>
  <conditionalFormatting sqref="P35">
    <cfRule type="duplicateValues" dxfId="359" priority="502" stopIfTrue="1"/>
  </conditionalFormatting>
  <conditionalFormatting sqref="L22">
    <cfRule type="duplicateValues" dxfId="358" priority="500" stopIfTrue="1"/>
  </conditionalFormatting>
  <conditionalFormatting sqref="T17">
    <cfRule type="duplicateValues" dxfId="357" priority="499" stopIfTrue="1"/>
  </conditionalFormatting>
  <conditionalFormatting sqref="C13">
    <cfRule type="duplicateValues" dxfId="355" priority="495" stopIfTrue="1"/>
  </conditionalFormatting>
  <conditionalFormatting sqref="C12">
    <cfRule type="duplicateValues" dxfId="354" priority="493" stopIfTrue="1"/>
  </conditionalFormatting>
  <conditionalFormatting sqref="C14">
    <cfRule type="duplicateValues" dxfId="353" priority="492" stopIfTrue="1"/>
  </conditionalFormatting>
  <conditionalFormatting sqref="C21">
    <cfRule type="duplicateValues" dxfId="352" priority="485" stopIfTrue="1"/>
  </conditionalFormatting>
  <conditionalFormatting sqref="C28">
    <cfRule type="duplicateValues" dxfId="351" priority="478" stopIfTrue="1"/>
  </conditionalFormatting>
  <conditionalFormatting sqref="C34">
    <cfRule type="duplicateValues" dxfId="350" priority="472" stopIfTrue="1"/>
  </conditionalFormatting>
  <conditionalFormatting sqref="C35">
    <cfRule type="duplicateValues" dxfId="349" priority="471" stopIfTrue="1"/>
  </conditionalFormatting>
  <conditionalFormatting sqref="G9">
    <cfRule type="duplicateValues" dxfId="348" priority="469" stopIfTrue="1"/>
  </conditionalFormatting>
  <conditionalFormatting sqref="G11">
    <cfRule type="duplicateValues" dxfId="347" priority="466" stopIfTrue="1"/>
  </conditionalFormatting>
  <conditionalFormatting sqref="G18">
    <cfRule type="duplicateValues" dxfId="346" priority="460" stopIfTrue="1"/>
  </conditionalFormatting>
  <conditionalFormatting sqref="G20">
    <cfRule type="duplicateValues" dxfId="345" priority="458" stopIfTrue="1"/>
  </conditionalFormatting>
  <conditionalFormatting sqref="G22">
    <cfRule type="duplicateValues" dxfId="344" priority="456" stopIfTrue="1"/>
  </conditionalFormatting>
  <conditionalFormatting sqref="G23">
    <cfRule type="duplicateValues" dxfId="343" priority="455" stopIfTrue="1"/>
  </conditionalFormatting>
  <conditionalFormatting sqref="G25">
    <cfRule type="duplicateValues" dxfId="342" priority="453" stopIfTrue="1"/>
  </conditionalFormatting>
  <conditionalFormatting sqref="G28">
    <cfRule type="duplicateValues" dxfId="341" priority="450" stopIfTrue="1"/>
  </conditionalFormatting>
  <conditionalFormatting sqref="G31">
    <cfRule type="duplicateValues" dxfId="340" priority="447" stopIfTrue="1"/>
  </conditionalFormatting>
  <conditionalFormatting sqref="G34">
    <cfRule type="duplicateValues" dxfId="339" priority="444" stopIfTrue="1"/>
  </conditionalFormatting>
  <conditionalFormatting sqref="G35">
    <cfRule type="duplicateValues" dxfId="338" priority="443" stopIfTrue="1"/>
  </conditionalFormatting>
  <conditionalFormatting sqref="C40">
    <cfRule type="duplicateValues" dxfId="337" priority="358" stopIfTrue="1"/>
  </conditionalFormatting>
  <conditionalFormatting sqref="C41">
    <cfRule type="duplicateValues" dxfId="336" priority="357" stopIfTrue="1"/>
  </conditionalFormatting>
  <conditionalFormatting sqref="C42">
    <cfRule type="duplicateValues" dxfId="335" priority="356" stopIfTrue="1"/>
  </conditionalFormatting>
  <conditionalFormatting sqref="C45">
    <cfRule type="duplicateValues" dxfId="334" priority="355" stopIfTrue="1"/>
  </conditionalFormatting>
  <conditionalFormatting sqref="C43">
    <cfRule type="duplicateValues" dxfId="333" priority="354" stopIfTrue="1"/>
  </conditionalFormatting>
  <conditionalFormatting sqref="C44">
    <cfRule type="duplicateValues" dxfId="332" priority="353" stopIfTrue="1"/>
  </conditionalFormatting>
  <conditionalFormatting sqref="C46">
    <cfRule type="duplicateValues" dxfId="331" priority="352" stopIfTrue="1"/>
  </conditionalFormatting>
  <conditionalFormatting sqref="C47">
    <cfRule type="duplicateValues" dxfId="330" priority="351" stopIfTrue="1"/>
  </conditionalFormatting>
  <conditionalFormatting sqref="C48">
    <cfRule type="duplicateValues" dxfId="329" priority="350" stopIfTrue="1"/>
  </conditionalFormatting>
  <conditionalFormatting sqref="C49">
    <cfRule type="duplicateValues" dxfId="328" priority="349" stopIfTrue="1"/>
  </conditionalFormatting>
  <conditionalFormatting sqref="C50">
    <cfRule type="duplicateValues" dxfId="327" priority="348" stopIfTrue="1"/>
  </conditionalFormatting>
  <conditionalFormatting sqref="C51">
    <cfRule type="duplicateValues" dxfId="326" priority="347" stopIfTrue="1"/>
  </conditionalFormatting>
  <conditionalFormatting sqref="C52">
    <cfRule type="duplicateValues" dxfId="325" priority="346" stopIfTrue="1"/>
  </conditionalFormatting>
  <conditionalFormatting sqref="C53">
    <cfRule type="duplicateValues" dxfId="324" priority="345" stopIfTrue="1"/>
  </conditionalFormatting>
  <conditionalFormatting sqref="C54">
    <cfRule type="duplicateValues" dxfId="323" priority="344" stopIfTrue="1"/>
  </conditionalFormatting>
  <conditionalFormatting sqref="C55">
    <cfRule type="duplicateValues" dxfId="322" priority="343" stopIfTrue="1"/>
  </conditionalFormatting>
  <conditionalFormatting sqref="C56">
    <cfRule type="duplicateValues" dxfId="321" priority="342" stopIfTrue="1"/>
  </conditionalFormatting>
  <conditionalFormatting sqref="C57">
    <cfRule type="duplicateValues" dxfId="320" priority="341" stopIfTrue="1"/>
  </conditionalFormatting>
  <conditionalFormatting sqref="C58">
    <cfRule type="duplicateValues" dxfId="319" priority="340" stopIfTrue="1"/>
  </conditionalFormatting>
  <conditionalFormatting sqref="C59">
    <cfRule type="duplicateValues" dxfId="318" priority="339" stopIfTrue="1"/>
  </conditionalFormatting>
  <conditionalFormatting sqref="C60">
    <cfRule type="duplicateValues" dxfId="317" priority="338" stopIfTrue="1"/>
  </conditionalFormatting>
  <conditionalFormatting sqref="C61">
    <cfRule type="duplicateValues" dxfId="316" priority="337" stopIfTrue="1"/>
  </conditionalFormatting>
  <conditionalFormatting sqref="C62">
    <cfRule type="duplicateValues" dxfId="315" priority="336" stopIfTrue="1"/>
  </conditionalFormatting>
  <conditionalFormatting sqref="C63">
    <cfRule type="duplicateValues" dxfId="314" priority="335" stopIfTrue="1"/>
  </conditionalFormatting>
  <conditionalFormatting sqref="C64">
    <cfRule type="duplicateValues" dxfId="313" priority="334" stopIfTrue="1"/>
  </conditionalFormatting>
  <conditionalFormatting sqref="C65">
    <cfRule type="duplicateValues" dxfId="312" priority="333" stopIfTrue="1"/>
  </conditionalFormatting>
  <conditionalFormatting sqref="C66">
    <cfRule type="duplicateValues" dxfId="311" priority="332" stopIfTrue="1"/>
  </conditionalFormatting>
  <conditionalFormatting sqref="C67">
    <cfRule type="duplicateValues" dxfId="310" priority="331" stopIfTrue="1"/>
  </conditionalFormatting>
  <conditionalFormatting sqref="G40">
    <cfRule type="duplicateValues" dxfId="309" priority="330" stopIfTrue="1"/>
  </conditionalFormatting>
  <conditionalFormatting sqref="G41">
    <cfRule type="duplicateValues" dxfId="308" priority="329" stopIfTrue="1"/>
  </conditionalFormatting>
  <conditionalFormatting sqref="G42">
    <cfRule type="duplicateValues" dxfId="307" priority="328" stopIfTrue="1"/>
  </conditionalFormatting>
  <conditionalFormatting sqref="G45">
    <cfRule type="duplicateValues" dxfId="306" priority="327" stopIfTrue="1"/>
  </conditionalFormatting>
  <conditionalFormatting sqref="G43">
    <cfRule type="duplicateValues" dxfId="305" priority="326" stopIfTrue="1"/>
  </conditionalFormatting>
  <conditionalFormatting sqref="G44">
    <cfRule type="duplicateValues" dxfId="304" priority="325" stopIfTrue="1"/>
  </conditionalFormatting>
  <conditionalFormatting sqref="G46">
    <cfRule type="duplicateValues" dxfId="303" priority="324" stopIfTrue="1"/>
  </conditionalFormatting>
  <conditionalFormatting sqref="G47">
    <cfRule type="duplicateValues" dxfId="302" priority="323" stopIfTrue="1"/>
  </conditionalFormatting>
  <conditionalFormatting sqref="G48">
    <cfRule type="duplicateValues" dxfId="301" priority="322" stopIfTrue="1"/>
  </conditionalFormatting>
  <conditionalFormatting sqref="G49">
    <cfRule type="duplicateValues" dxfId="300" priority="321" stopIfTrue="1"/>
  </conditionalFormatting>
  <conditionalFormatting sqref="G50">
    <cfRule type="duplicateValues" dxfId="299" priority="320" stopIfTrue="1"/>
  </conditionalFormatting>
  <conditionalFormatting sqref="G51">
    <cfRule type="duplicateValues" dxfId="298" priority="319" stopIfTrue="1"/>
  </conditionalFormatting>
  <conditionalFormatting sqref="G52">
    <cfRule type="duplicateValues" dxfId="297" priority="318" stopIfTrue="1"/>
  </conditionalFormatting>
  <conditionalFormatting sqref="G53">
    <cfRule type="duplicateValues" dxfId="296" priority="317" stopIfTrue="1"/>
  </conditionalFormatting>
  <conditionalFormatting sqref="G54">
    <cfRule type="duplicateValues" dxfId="295" priority="316" stopIfTrue="1"/>
  </conditionalFormatting>
  <conditionalFormatting sqref="G55">
    <cfRule type="duplicateValues" dxfId="294" priority="315" stopIfTrue="1"/>
  </conditionalFormatting>
  <conditionalFormatting sqref="G56">
    <cfRule type="duplicateValues" dxfId="293" priority="314" stopIfTrue="1"/>
  </conditionalFormatting>
  <conditionalFormatting sqref="G57">
    <cfRule type="duplicateValues" dxfId="292" priority="313" stopIfTrue="1"/>
  </conditionalFormatting>
  <conditionalFormatting sqref="G58">
    <cfRule type="duplicateValues" dxfId="291" priority="312" stopIfTrue="1"/>
  </conditionalFormatting>
  <conditionalFormatting sqref="G59">
    <cfRule type="duplicateValues" dxfId="290" priority="311" stopIfTrue="1"/>
  </conditionalFormatting>
  <conditionalFormatting sqref="G60">
    <cfRule type="duplicateValues" dxfId="289" priority="310" stopIfTrue="1"/>
  </conditionalFormatting>
  <conditionalFormatting sqref="G61">
    <cfRule type="duplicateValues" dxfId="288" priority="309" stopIfTrue="1"/>
  </conditionalFormatting>
  <conditionalFormatting sqref="G62">
    <cfRule type="duplicateValues" dxfId="287" priority="308" stopIfTrue="1"/>
  </conditionalFormatting>
  <conditionalFormatting sqref="G63">
    <cfRule type="duplicateValues" dxfId="286" priority="307" stopIfTrue="1"/>
  </conditionalFormatting>
  <conditionalFormatting sqref="G64">
    <cfRule type="duplicateValues" dxfId="285" priority="306" stopIfTrue="1"/>
  </conditionalFormatting>
  <conditionalFormatting sqref="G65">
    <cfRule type="duplicateValues" dxfId="284" priority="305" stopIfTrue="1"/>
  </conditionalFormatting>
  <conditionalFormatting sqref="G66">
    <cfRule type="duplicateValues" dxfId="283" priority="304" stopIfTrue="1"/>
  </conditionalFormatting>
  <conditionalFormatting sqref="G67">
    <cfRule type="duplicateValues" dxfId="282" priority="303" stopIfTrue="1"/>
  </conditionalFormatting>
  <conditionalFormatting sqref="A8">
    <cfRule type="duplicateValues" dxfId="281" priority="302" stopIfTrue="1"/>
  </conditionalFormatting>
  <conditionalFormatting sqref="A9">
    <cfRule type="duplicateValues" dxfId="280" priority="301" stopIfTrue="1"/>
  </conditionalFormatting>
  <conditionalFormatting sqref="A10">
    <cfRule type="duplicateValues" dxfId="279" priority="300" stopIfTrue="1"/>
  </conditionalFormatting>
  <conditionalFormatting sqref="A13">
    <cfRule type="duplicateValues" dxfId="278" priority="299" stopIfTrue="1"/>
  </conditionalFormatting>
  <conditionalFormatting sqref="A11">
    <cfRule type="duplicateValues" dxfId="277" priority="298" stopIfTrue="1"/>
  </conditionalFormatting>
  <conditionalFormatting sqref="A12">
    <cfRule type="duplicateValues" dxfId="276" priority="297" stopIfTrue="1"/>
  </conditionalFormatting>
  <conditionalFormatting sqref="A14">
    <cfRule type="duplicateValues" dxfId="275" priority="296" stopIfTrue="1"/>
  </conditionalFormatting>
  <conditionalFormatting sqref="A15">
    <cfRule type="duplicateValues" dxfId="274" priority="295" stopIfTrue="1"/>
  </conditionalFormatting>
  <conditionalFormatting sqref="A16">
    <cfRule type="duplicateValues" dxfId="273" priority="294" stopIfTrue="1"/>
  </conditionalFormatting>
  <conditionalFormatting sqref="A17">
    <cfRule type="duplicateValues" dxfId="272" priority="293" stopIfTrue="1"/>
  </conditionalFormatting>
  <conditionalFormatting sqref="A18">
    <cfRule type="duplicateValues" dxfId="271" priority="292" stopIfTrue="1"/>
  </conditionalFormatting>
  <conditionalFormatting sqref="A19">
    <cfRule type="duplicateValues" dxfId="270" priority="291" stopIfTrue="1"/>
  </conditionalFormatting>
  <conditionalFormatting sqref="A20">
    <cfRule type="duplicateValues" dxfId="269" priority="290" stopIfTrue="1"/>
  </conditionalFormatting>
  <conditionalFormatting sqref="A21">
    <cfRule type="duplicateValues" dxfId="268" priority="289" stopIfTrue="1"/>
  </conditionalFormatting>
  <conditionalFormatting sqref="A22">
    <cfRule type="duplicateValues" dxfId="267" priority="288" stopIfTrue="1"/>
  </conditionalFormatting>
  <conditionalFormatting sqref="A23">
    <cfRule type="duplicateValues" dxfId="266" priority="287" stopIfTrue="1"/>
  </conditionalFormatting>
  <conditionalFormatting sqref="A24">
    <cfRule type="duplicateValues" dxfId="265" priority="286" stopIfTrue="1"/>
  </conditionalFormatting>
  <conditionalFormatting sqref="A25">
    <cfRule type="duplicateValues" dxfId="264" priority="285" stopIfTrue="1"/>
  </conditionalFormatting>
  <conditionalFormatting sqref="A26">
    <cfRule type="duplicateValues" dxfId="263" priority="284" stopIfTrue="1"/>
  </conditionalFormatting>
  <conditionalFormatting sqref="A27">
    <cfRule type="duplicateValues" dxfId="262" priority="283" stopIfTrue="1"/>
  </conditionalFormatting>
  <conditionalFormatting sqref="A28">
    <cfRule type="duplicateValues" dxfId="261" priority="282" stopIfTrue="1"/>
  </conditionalFormatting>
  <conditionalFormatting sqref="A29">
    <cfRule type="duplicateValues" dxfId="260" priority="281" stopIfTrue="1"/>
  </conditionalFormatting>
  <conditionalFormatting sqref="A30">
    <cfRule type="duplicateValues" dxfId="259" priority="280" stopIfTrue="1"/>
  </conditionalFormatting>
  <conditionalFormatting sqref="A31">
    <cfRule type="duplicateValues" dxfId="258" priority="279" stopIfTrue="1"/>
  </conditionalFormatting>
  <conditionalFormatting sqref="A32">
    <cfRule type="duplicateValues" dxfId="257" priority="278" stopIfTrue="1"/>
  </conditionalFormatting>
  <conditionalFormatting sqref="A33">
    <cfRule type="duplicateValues" dxfId="256" priority="277" stopIfTrue="1"/>
  </conditionalFormatting>
  <conditionalFormatting sqref="A34">
    <cfRule type="duplicateValues" dxfId="255" priority="276" stopIfTrue="1"/>
  </conditionalFormatting>
  <conditionalFormatting sqref="A35">
    <cfRule type="duplicateValues" dxfId="254" priority="275" stopIfTrue="1"/>
  </conditionalFormatting>
  <conditionalFormatting sqref="E8">
    <cfRule type="duplicateValues" dxfId="253" priority="274" stopIfTrue="1"/>
  </conditionalFormatting>
  <conditionalFormatting sqref="E9">
    <cfRule type="duplicateValues" dxfId="252" priority="273" stopIfTrue="1"/>
  </conditionalFormatting>
  <conditionalFormatting sqref="E10">
    <cfRule type="duplicateValues" dxfId="251" priority="272" stopIfTrue="1"/>
  </conditionalFormatting>
  <conditionalFormatting sqref="E13">
    <cfRule type="duplicateValues" dxfId="250" priority="271" stopIfTrue="1"/>
  </conditionalFormatting>
  <conditionalFormatting sqref="E11">
    <cfRule type="duplicateValues" dxfId="249" priority="270" stopIfTrue="1"/>
  </conditionalFormatting>
  <conditionalFormatting sqref="E12">
    <cfRule type="duplicateValues" dxfId="248" priority="269" stopIfTrue="1"/>
  </conditionalFormatting>
  <conditionalFormatting sqref="E14">
    <cfRule type="duplicateValues" dxfId="247" priority="268" stopIfTrue="1"/>
  </conditionalFormatting>
  <conditionalFormatting sqref="E15">
    <cfRule type="duplicateValues" dxfId="246" priority="267" stopIfTrue="1"/>
  </conditionalFormatting>
  <conditionalFormatting sqref="E16">
    <cfRule type="duplicateValues" dxfId="245" priority="266" stopIfTrue="1"/>
  </conditionalFormatting>
  <conditionalFormatting sqref="E17">
    <cfRule type="duplicateValues" dxfId="244" priority="265" stopIfTrue="1"/>
  </conditionalFormatting>
  <conditionalFormatting sqref="E18">
    <cfRule type="duplicateValues" dxfId="243" priority="264" stopIfTrue="1"/>
  </conditionalFormatting>
  <conditionalFormatting sqref="E19">
    <cfRule type="duplicateValues" dxfId="242" priority="263" stopIfTrue="1"/>
  </conditionalFormatting>
  <conditionalFormatting sqref="E20">
    <cfRule type="duplicateValues" dxfId="241" priority="262" stopIfTrue="1"/>
  </conditionalFormatting>
  <conditionalFormatting sqref="E21">
    <cfRule type="duplicateValues" dxfId="240" priority="261" stopIfTrue="1"/>
  </conditionalFormatting>
  <conditionalFormatting sqref="E22">
    <cfRule type="duplicateValues" dxfId="239" priority="260" stopIfTrue="1"/>
  </conditionalFormatting>
  <conditionalFormatting sqref="E23">
    <cfRule type="duplicateValues" dxfId="238" priority="259" stopIfTrue="1"/>
  </conditionalFormatting>
  <conditionalFormatting sqref="E24">
    <cfRule type="duplicateValues" dxfId="237" priority="258" stopIfTrue="1"/>
  </conditionalFormatting>
  <conditionalFormatting sqref="E25">
    <cfRule type="duplicateValues" dxfId="236" priority="257" stopIfTrue="1"/>
  </conditionalFormatting>
  <conditionalFormatting sqref="E26">
    <cfRule type="duplicateValues" dxfId="235" priority="256" stopIfTrue="1"/>
  </conditionalFormatting>
  <conditionalFormatting sqref="E27">
    <cfRule type="duplicateValues" dxfId="234" priority="255" stopIfTrue="1"/>
  </conditionalFormatting>
  <conditionalFormatting sqref="E28">
    <cfRule type="duplicateValues" dxfId="233" priority="254" stopIfTrue="1"/>
  </conditionalFormatting>
  <conditionalFormatting sqref="E29">
    <cfRule type="duplicateValues" dxfId="232" priority="253" stopIfTrue="1"/>
  </conditionalFormatting>
  <conditionalFormatting sqref="E30">
    <cfRule type="duplicateValues" dxfId="231" priority="252" stopIfTrue="1"/>
  </conditionalFormatting>
  <conditionalFormatting sqref="E31">
    <cfRule type="duplicateValues" dxfId="230" priority="251" stopIfTrue="1"/>
  </conditionalFormatting>
  <conditionalFormatting sqref="E32">
    <cfRule type="duplicateValues" dxfId="229" priority="250" stopIfTrue="1"/>
  </conditionalFormatting>
  <conditionalFormatting sqref="E33">
    <cfRule type="duplicateValues" dxfId="228" priority="249" stopIfTrue="1"/>
  </conditionalFormatting>
  <conditionalFormatting sqref="E34">
    <cfRule type="duplicateValues" dxfId="227" priority="248" stopIfTrue="1"/>
  </conditionalFormatting>
  <conditionalFormatting sqref="E35">
    <cfRule type="duplicateValues" dxfId="226" priority="247" stopIfTrue="1"/>
  </conditionalFormatting>
  <conditionalFormatting sqref="I8">
    <cfRule type="duplicateValues" dxfId="225" priority="246" stopIfTrue="1"/>
  </conditionalFormatting>
  <conditionalFormatting sqref="I9">
    <cfRule type="duplicateValues" dxfId="224" priority="245" stopIfTrue="1"/>
  </conditionalFormatting>
  <conditionalFormatting sqref="I10">
    <cfRule type="duplicateValues" dxfId="223" priority="244" stopIfTrue="1"/>
  </conditionalFormatting>
  <conditionalFormatting sqref="I13">
    <cfRule type="duplicateValues" dxfId="222" priority="243" stopIfTrue="1"/>
  </conditionalFormatting>
  <conditionalFormatting sqref="I11">
    <cfRule type="duplicateValues" dxfId="221" priority="242" stopIfTrue="1"/>
  </conditionalFormatting>
  <conditionalFormatting sqref="I12">
    <cfRule type="duplicateValues" dxfId="220" priority="241" stopIfTrue="1"/>
  </conditionalFormatting>
  <conditionalFormatting sqref="I14">
    <cfRule type="duplicateValues" dxfId="219" priority="240" stopIfTrue="1"/>
  </conditionalFormatting>
  <conditionalFormatting sqref="I15">
    <cfRule type="duplicateValues" dxfId="218" priority="239" stopIfTrue="1"/>
  </conditionalFormatting>
  <conditionalFormatting sqref="I16">
    <cfRule type="duplicateValues" dxfId="217" priority="238" stopIfTrue="1"/>
  </conditionalFormatting>
  <conditionalFormatting sqref="I17">
    <cfRule type="duplicateValues" dxfId="216" priority="237" stopIfTrue="1"/>
  </conditionalFormatting>
  <conditionalFormatting sqref="I18">
    <cfRule type="duplicateValues" dxfId="215" priority="236" stopIfTrue="1"/>
  </conditionalFormatting>
  <conditionalFormatting sqref="I19">
    <cfRule type="duplicateValues" dxfId="214" priority="235" stopIfTrue="1"/>
  </conditionalFormatting>
  <conditionalFormatting sqref="I20">
    <cfRule type="duplicateValues" dxfId="213" priority="234" stopIfTrue="1"/>
  </conditionalFormatting>
  <conditionalFormatting sqref="I21">
    <cfRule type="duplicateValues" dxfId="212" priority="233" stopIfTrue="1"/>
  </conditionalFormatting>
  <conditionalFormatting sqref="I22">
    <cfRule type="duplicateValues" dxfId="211" priority="232" stopIfTrue="1"/>
  </conditionalFormatting>
  <conditionalFormatting sqref="I23">
    <cfRule type="duplicateValues" dxfId="210" priority="231" stopIfTrue="1"/>
  </conditionalFormatting>
  <conditionalFormatting sqref="I24">
    <cfRule type="duplicateValues" dxfId="209" priority="230" stopIfTrue="1"/>
  </conditionalFormatting>
  <conditionalFormatting sqref="I25">
    <cfRule type="duplicateValues" dxfId="208" priority="229" stopIfTrue="1"/>
  </conditionalFormatting>
  <conditionalFormatting sqref="I26">
    <cfRule type="duplicateValues" dxfId="207" priority="228" stopIfTrue="1"/>
  </conditionalFormatting>
  <conditionalFormatting sqref="I27">
    <cfRule type="duplicateValues" dxfId="206" priority="227" stopIfTrue="1"/>
  </conditionalFormatting>
  <conditionalFormatting sqref="I28">
    <cfRule type="duplicateValues" dxfId="205" priority="226" stopIfTrue="1"/>
  </conditionalFormatting>
  <conditionalFormatting sqref="I29">
    <cfRule type="duplicateValues" dxfId="204" priority="225" stopIfTrue="1"/>
  </conditionalFormatting>
  <conditionalFormatting sqref="I30">
    <cfRule type="duplicateValues" dxfId="203" priority="224" stopIfTrue="1"/>
  </conditionalFormatting>
  <conditionalFormatting sqref="I31">
    <cfRule type="duplicateValues" dxfId="202" priority="223" stopIfTrue="1"/>
  </conditionalFormatting>
  <conditionalFormatting sqref="I32">
    <cfRule type="duplicateValues" dxfId="201" priority="222" stopIfTrue="1"/>
  </conditionalFormatting>
  <conditionalFormatting sqref="I33">
    <cfRule type="duplicateValues" dxfId="200" priority="221" stopIfTrue="1"/>
  </conditionalFormatting>
  <conditionalFormatting sqref="I34">
    <cfRule type="duplicateValues" dxfId="199" priority="220" stopIfTrue="1"/>
  </conditionalFormatting>
  <conditionalFormatting sqref="I35">
    <cfRule type="duplicateValues" dxfId="198" priority="219" stopIfTrue="1"/>
  </conditionalFormatting>
  <conditionalFormatting sqref="M8">
    <cfRule type="duplicateValues" dxfId="197" priority="218" stopIfTrue="1"/>
  </conditionalFormatting>
  <conditionalFormatting sqref="M9">
    <cfRule type="duplicateValues" dxfId="196" priority="217" stopIfTrue="1"/>
  </conditionalFormatting>
  <conditionalFormatting sqref="M10">
    <cfRule type="duplicateValues" dxfId="195" priority="216" stopIfTrue="1"/>
  </conditionalFormatting>
  <conditionalFormatting sqref="M13">
    <cfRule type="duplicateValues" dxfId="194" priority="215" stopIfTrue="1"/>
  </conditionalFormatting>
  <conditionalFormatting sqref="M11">
    <cfRule type="duplicateValues" dxfId="193" priority="214" stopIfTrue="1"/>
  </conditionalFormatting>
  <conditionalFormatting sqref="M12">
    <cfRule type="duplicateValues" dxfId="192" priority="213" stopIfTrue="1"/>
  </conditionalFormatting>
  <conditionalFormatting sqref="M14">
    <cfRule type="duplicateValues" dxfId="191" priority="212" stopIfTrue="1"/>
  </conditionalFormatting>
  <conditionalFormatting sqref="M15">
    <cfRule type="duplicateValues" dxfId="190" priority="211" stopIfTrue="1"/>
  </conditionalFormatting>
  <conditionalFormatting sqref="M16">
    <cfRule type="duplicateValues" dxfId="189" priority="210" stopIfTrue="1"/>
  </conditionalFormatting>
  <conditionalFormatting sqref="M17">
    <cfRule type="duplicateValues" dxfId="188" priority="209" stopIfTrue="1"/>
  </conditionalFormatting>
  <conditionalFormatting sqref="M18">
    <cfRule type="duplicateValues" dxfId="187" priority="208" stopIfTrue="1"/>
  </conditionalFormatting>
  <conditionalFormatting sqref="M19">
    <cfRule type="duplicateValues" dxfId="186" priority="207" stopIfTrue="1"/>
  </conditionalFormatting>
  <conditionalFormatting sqref="M20">
    <cfRule type="duplicateValues" dxfId="185" priority="206" stopIfTrue="1"/>
  </conditionalFormatting>
  <conditionalFormatting sqref="M21">
    <cfRule type="duplicateValues" dxfId="184" priority="205" stopIfTrue="1"/>
  </conditionalFormatting>
  <conditionalFormatting sqref="M22">
    <cfRule type="duplicateValues" dxfId="183" priority="204" stopIfTrue="1"/>
  </conditionalFormatting>
  <conditionalFormatting sqref="M23">
    <cfRule type="duplicateValues" dxfId="182" priority="203" stopIfTrue="1"/>
  </conditionalFormatting>
  <conditionalFormatting sqref="M24">
    <cfRule type="duplicateValues" dxfId="181" priority="202" stopIfTrue="1"/>
  </conditionalFormatting>
  <conditionalFormatting sqref="M25">
    <cfRule type="duplicateValues" dxfId="180" priority="201" stopIfTrue="1"/>
  </conditionalFormatting>
  <conditionalFormatting sqref="M26">
    <cfRule type="duplicateValues" dxfId="179" priority="200" stopIfTrue="1"/>
  </conditionalFormatting>
  <conditionalFormatting sqref="M27">
    <cfRule type="duplicateValues" dxfId="178" priority="199" stopIfTrue="1"/>
  </conditionalFormatting>
  <conditionalFormatting sqref="M28">
    <cfRule type="duplicateValues" dxfId="177" priority="198" stopIfTrue="1"/>
  </conditionalFormatting>
  <conditionalFormatting sqref="M29">
    <cfRule type="duplicateValues" dxfId="176" priority="197" stopIfTrue="1"/>
  </conditionalFormatting>
  <conditionalFormatting sqref="M30">
    <cfRule type="duplicateValues" dxfId="175" priority="196" stopIfTrue="1"/>
  </conditionalFormatting>
  <conditionalFormatting sqref="M31">
    <cfRule type="duplicateValues" dxfId="174" priority="195" stopIfTrue="1"/>
  </conditionalFormatting>
  <conditionalFormatting sqref="M32">
    <cfRule type="duplicateValues" dxfId="173" priority="194" stopIfTrue="1"/>
  </conditionalFormatting>
  <conditionalFormatting sqref="M33">
    <cfRule type="duplicateValues" dxfId="172" priority="193" stopIfTrue="1"/>
  </conditionalFormatting>
  <conditionalFormatting sqref="M34">
    <cfRule type="duplicateValues" dxfId="171" priority="192" stopIfTrue="1"/>
  </conditionalFormatting>
  <conditionalFormatting sqref="M35">
    <cfRule type="duplicateValues" dxfId="170" priority="191" stopIfTrue="1"/>
  </conditionalFormatting>
  <conditionalFormatting sqref="Q8">
    <cfRule type="duplicateValues" dxfId="169" priority="190" stopIfTrue="1"/>
  </conditionalFormatting>
  <conditionalFormatting sqref="Q9">
    <cfRule type="duplicateValues" dxfId="168" priority="189" stopIfTrue="1"/>
  </conditionalFormatting>
  <conditionalFormatting sqref="Q10">
    <cfRule type="duplicateValues" dxfId="167" priority="188" stopIfTrue="1"/>
  </conditionalFormatting>
  <conditionalFormatting sqref="Q13">
    <cfRule type="duplicateValues" dxfId="166" priority="187" stopIfTrue="1"/>
  </conditionalFormatting>
  <conditionalFormatting sqref="Q11">
    <cfRule type="duplicateValues" dxfId="165" priority="186" stopIfTrue="1"/>
  </conditionalFormatting>
  <conditionalFormatting sqref="Q12">
    <cfRule type="duplicateValues" dxfId="164" priority="185" stopIfTrue="1"/>
  </conditionalFormatting>
  <conditionalFormatting sqref="Q14">
    <cfRule type="duplicateValues" dxfId="163" priority="184" stopIfTrue="1"/>
  </conditionalFormatting>
  <conditionalFormatting sqref="Q15">
    <cfRule type="duplicateValues" dxfId="162" priority="183" stopIfTrue="1"/>
  </conditionalFormatting>
  <conditionalFormatting sqref="Q16">
    <cfRule type="duplicateValues" dxfId="161" priority="182" stopIfTrue="1"/>
  </conditionalFormatting>
  <conditionalFormatting sqref="Q17">
    <cfRule type="duplicateValues" dxfId="160" priority="181" stopIfTrue="1"/>
  </conditionalFormatting>
  <conditionalFormatting sqref="Q18">
    <cfRule type="duplicateValues" dxfId="159" priority="180" stopIfTrue="1"/>
  </conditionalFormatting>
  <conditionalFormatting sqref="Q19">
    <cfRule type="duplicateValues" dxfId="158" priority="179" stopIfTrue="1"/>
  </conditionalFormatting>
  <conditionalFormatting sqref="Q20">
    <cfRule type="duplicateValues" dxfId="157" priority="178" stopIfTrue="1"/>
  </conditionalFormatting>
  <conditionalFormatting sqref="Q21">
    <cfRule type="duplicateValues" dxfId="156" priority="177" stopIfTrue="1"/>
  </conditionalFormatting>
  <conditionalFormatting sqref="Q22">
    <cfRule type="duplicateValues" dxfId="155" priority="176" stopIfTrue="1"/>
  </conditionalFormatting>
  <conditionalFormatting sqref="Q23">
    <cfRule type="duplicateValues" dxfId="154" priority="175" stopIfTrue="1"/>
  </conditionalFormatting>
  <conditionalFormatting sqref="Q24">
    <cfRule type="duplicateValues" dxfId="153" priority="174" stopIfTrue="1"/>
  </conditionalFormatting>
  <conditionalFormatting sqref="Q25">
    <cfRule type="duplicateValues" dxfId="152" priority="173" stopIfTrue="1"/>
  </conditionalFormatting>
  <conditionalFormatting sqref="Q26">
    <cfRule type="duplicateValues" dxfId="151" priority="172" stopIfTrue="1"/>
  </conditionalFormatting>
  <conditionalFormatting sqref="Q27">
    <cfRule type="duplicateValues" dxfId="150" priority="171" stopIfTrue="1"/>
  </conditionalFormatting>
  <conditionalFormatting sqref="Q28">
    <cfRule type="duplicateValues" dxfId="149" priority="170" stopIfTrue="1"/>
  </conditionalFormatting>
  <conditionalFormatting sqref="Q29">
    <cfRule type="duplicateValues" dxfId="148" priority="169" stopIfTrue="1"/>
  </conditionalFormatting>
  <conditionalFormatting sqref="Q30">
    <cfRule type="duplicateValues" dxfId="147" priority="168" stopIfTrue="1"/>
  </conditionalFormatting>
  <conditionalFormatting sqref="Q31">
    <cfRule type="duplicateValues" dxfId="146" priority="167" stopIfTrue="1"/>
  </conditionalFormatting>
  <conditionalFormatting sqref="Q32">
    <cfRule type="duplicateValues" dxfId="145" priority="166" stopIfTrue="1"/>
  </conditionalFormatting>
  <conditionalFormatting sqref="Q33">
    <cfRule type="duplicateValues" dxfId="144" priority="165" stopIfTrue="1"/>
  </conditionalFormatting>
  <conditionalFormatting sqref="Q34">
    <cfRule type="duplicateValues" dxfId="143" priority="164" stopIfTrue="1"/>
  </conditionalFormatting>
  <conditionalFormatting sqref="Q35">
    <cfRule type="duplicateValues" dxfId="142" priority="163" stopIfTrue="1"/>
  </conditionalFormatting>
  <conditionalFormatting sqref="A40">
    <cfRule type="duplicateValues" dxfId="141" priority="162" stopIfTrue="1"/>
  </conditionalFormatting>
  <conditionalFormatting sqref="A41">
    <cfRule type="duplicateValues" dxfId="140" priority="161" stopIfTrue="1"/>
  </conditionalFormatting>
  <conditionalFormatting sqref="A42">
    <cfRule type="duplicateValues" dxfId="139" priority="160" stopIfTrue="1"/>
  </conditionalFormatting>
  <conditionalFormatting sqref="A45">
    <cfRule type="duplicateValues" dxfId="138" priority="159" stopIfTrue="1"/>
  </conditionalFormatting>
  <conditionalFormatting sqref="A43">
    <cfRule type="duplicateValues" dxfId="137" priority="158" stopIfTrue="1"/>
  </conditionalFormatting>
  <conditionalFormatting sqref="A44">
    <cfRule type="duplicateValues" dxfId="136" priority="157" stopIfTrue="1"/>
  </conditionalFormatting>
  <conditionalFormatting sqref="A46">
    <cfRule type="duplicateValues" dxfId="135" priority="156" stopIfTrue="1"/>
  </conditionalFormatting>
  <conditionalFormatting sqref="A47">
    <cfRule type="duplicateValues" dxfId="134" priority="155" stopIfTrue="1"/>
  </conditionalFormatting>
  <conditionalFormatting sqref="A48">
    <cfRule type="duplicateValues" dxfId="133" priority="154" stopIfTrue="1"/>
  </conditionalFormatting>
  <conditionalFormatting sqref="A49">
    <cfRule type="duplicateValues" dxfId="132" priority="153" stopIfTrue="1"/>
  </conditionalFormatting>
  <conditionalFormatting sqref="A50">
    <cfRule type="duplicateValues" dxfId="131" priority="152" stopIfTrue="1"/>
  </conditionalFormatting>
  <conditionalFormatting sqref="A51">
    <cfRule type="duplicateValues" dxfId="130" priority="151" stopIfTrue="1"/>
  </conditionalFormatting>
  <conditionalFormatting sqref="A52">
    <cfRule type="duplicateValues" dxfId="129" priority="150" stopIfTrue="1"/>
  </conditionalFormatting>
  <conditionalFormatting sqref="A53">
    <cfRule type="duplicateValues" dxfId="128" priority="149" stopIfTrue="1"/>
  </conditionalFormatting>
  <conditionalFormatting sqref="A54">
    <cfRule type="duplicateValues" dxfId="127" priority="148" stopIfTrue="1"/>
  </conditionalFormatting>
  <conditionalFormatting sqref="A55">
    <cfRule type="duplicateValues" dxfId="126" priority="147" stopIfTrue="1"/>
  </conditionalFormatting>
  <conditionalFormatting sqref="A56">
    <cfRule type="duplicateValues" dxfId="125" priority="146" stopIfTrue="1"/>
  </conditionalFormatting>
  <conditionalFormatting sqref="A57">
    <cfRule type="duplicateValues" dxfId="124" priority="145" stopIfTrue="1"/>
  </conditionalFormatting>
  <conditionalFormatting sqref="A58">
    <cfRule type="duplicateValues" dxfId="123" priority="144" stopIfTrue="1"/>
  </conditionalFormatting>
  <conditionalFormatting sqref="A59">
    <cfRule type="duplicateValues" dxfId="122" priority="143" stopIfTrue="1"/>
  </conditionalFormatting>
  <conditionalFormatting sqref="A60">
    <cfRule type="duplicateValues" dxfId="121" priority="142" stopIfTrue="1"/>
  </conditionalFormatting>
  <conditionalFormatting sqref="A61">
    <cfRule type="duplicateValues" dxfId="120" priority="141" stopIfTrue="1"/>
  </conditionalFormatting>
  <conditionalFormatting sqref="A62">
    <cfRule type="duplicateValues" dxfId="119" priority="140" stopIfTrue="1"/>
  </conditionalFormatting>
  <conditionalFormatting sqref="A63">
    <cfRule type="duplicateValues" dxfId="118" priority="139" stopIfTrue="1"/>
  </conditionalFormatting>
  <conditionalFormatting sqref="A64">
    <cfRule type="duplicateValues" dxfId="117" priority="138" stopIfTrue="1"/>
  </conditionalFormatting>
  <conditionalFormatting sqref="A65">
    <cfRule type="duplicateValues" dxfId="116" priority="137" stopIfTrue="1"/>
  </conditionalFormatting>
  <conditionalFormatting sqref="A66">
    <cfRule type="duplicateValues" dxfId="115" priority="136" stopIfTrue="1"/>
  </conditionalFormatting>
  <conditionalFormatting sqref="A67">
    <cfRule type="duplicateValues" dxfId="114" priority="135" stopIfTrue="1"/>
  </conditionalFormatting>
  <conditionalFormatting sqref="E40">
    <cfRule type="duplicateValues" dxfId="113" priority="134" stopIfTrue="1"/>
  </conditionalFormatting>
  <conditionalFormatting sqref="E41">
    <cfRule type="duplicateValues" dxfId="112" priority="133" stopIfTrue="1"/>
  </conditionalFormatting>
  <conditionalFormatting sqref="E42">
    <cfRule type="duplicateValues" dxfId="111" priority="132" stopIfTrue="1"/>
  </conditionalFormatting>
  <conditionalFormatting sqref="E45">
    <cfRule type="duplicateValues" dxfId="110" priority="131" stopIfTrue="1"/>
  </conditionalFormatting>
  <conditionalFormatting sqref="E43">
    <cfRule type="duplicateValues" dxfId="109" priority="130" stopIfTrue="1"/>
  </conditionalFormatting>
  <conditionalFormatting sqref="E44">
    <cfRule type="duplicateValues" dxfId="108" priority="129" stopIfTrue="1"/>
  </conditionalFormatting>
  <conditionalFormatting sqref="E46">
    <cfRule type="duplicateValues" dxfId="107" priority="128" stopIfTrue="1"/>
  </conditionalFormatting>
  <conditionalFormatting sqref="E47">
    <cfRule type="duplicateValues" dxfId="106" priority="127" stopIfTrue="1"/>
  </conditionalFormatting>
  <conditionalFormatting sqref="E48">
    <cfRule type="duplicateValues" dxfId="105" priority="126" stopIfTrue="1"/>
  </conditionalFormatting>
  <conditionalFormatting sqref="E49">
    <cfRule type="duplicateValues" dxfId="104" priority="125" stopIfTrue="1"/>
  </conditionalFormatting>
  <conditionalFormatting sqref="E50">
    <cfRule type="duplicateValues" dxfId="103" priority="124" stopIfTrue="1"/>
  </conditionalFormatting>
  <conditionalFormatting sqref="E51">
    <cfRule type="duplicateValues" dxfId="102" priority="123" stopIfTrue="1"/>
  </conditionalFormatting>
  <conditionalFormatting sqref="E52">
    <cfRule type="duplicateValues" dxfId="101" priority="122" stopIfTrue="1"/>
  </conditionalFormatting>
  <conditionalFormatting sqref="E53">
    <cfRule type="duplicateValues" dxfId="100" priority="121" stopIfTrue="1"/>
  </conditionalFormatting>
  <conditionalFormatting sqref="E54">
    <cfRule type="duplicateValues" dxfId="99" priority="120" stopIfTrue="1"/>
  </conditionalFormatting>
  <conditionalFormatting sqref="E55">
    <cfRule type="duplicateValues" dxfId="98" priority="119" stopIfTrue="1"/>
  </conditionalFormatting>
  <conditionalFormatting sqref="E56">
    <cfRule type="duplicateValues" dxfId="97" priority="118" stopIfTrue="1"/>
  </conditionalFormatting>
  <conditionalFormatting sqref="E57">
    <cfRule type="duplicateValues" dxfId="96" priority="117" stopIfTrue="1"/>
  </conditionalFormatting>
  <conditionalFormatting sqref="E58">
    <cfRule type="duplicateValues" dxfId="95" priority="116" stopIfTrue="1"/>
  </conditionalFormatting>
  <conditionalFormatting sqref="E59">
    <cfRule type="duplicateValues" dxfId="94" priority="115" stopIfTrue="1"/>
  </conditionalFormatting>
  <conditionalFormatting sqref="E60">
    <cfRule type="duplicateValues" dxfId="93" priority="114" stopIfTrue="1"/>
  </conditionalFormatting>
  <conditionalFormatting sqref="E61">
    <cfRule type="duplicateValues" dxfId="92" priority="113" stopIfTrue="1"/>
  </conditionalFormatting>
  <conditionalFormatting sqref="E62">
    <cfRule type="duplicateValues" dxfId="91" priority="112" stopIfTrue="1"/>
  </conditionalFormatting>
  <conditionalFormatting sqref="E63">
    <cfRule type="duplicateValues" dxfId="90" priority="111" stopIfTrue="1"/>
  </conditionalFormatting>
  <conditionalFormatting sqref="E64">
    <cfRule type="duplicateValues" dxfId="89" priority="110" stopIfTrue="1"/>
  </conditionalFormatting>
  <conditionalFormatting sqref="E65">
    <cfRule type="duplicateValues" dxfId="88" priority="109" stopIfTrue="1"/>
  </conditionalFormatting>
  <conditionalFormatting sqref="E66">
    <cfRule type="duplicateValues" dxfId="87" priority="108" stopIfTrue="1"/>
  </conditionalFormatting>
  <conditionalFormatting sqref="E67">
    <cfRule type="duplicateValues" dxfId="86" priority="107" stopIfTrue="1"/>
  </conditionalFormatting>
  <conditionalFormatting sqref="C8">
    <cfRule type="duplicateValues" dxfId="85" priority="105" stopIfTrue="1"/>
    <cfRule type="duplicateValues" dxfId="84" priority="106" stopIfTrue="1"/>
  </conditionalFormatting>
  <conditionalFormatting sqref="C8">
    <cfRule type="duplicateValues" dxfId="83" priority="104" stopIfTrue="1"/>
  </conditionalFormatting>
  <conditionalFormatting sqref="D8">
    <cfRule type="duplicateValues" dxfId="82" priority="103"/>
  </conditionalFormatting>
  <conditionalFormatting sqref="C11">
    <cfRule type="duplicateValues" dxfId="81" priority="102"/>
  </conditionalFormatting>
  <conditionalFormatting sqref="C16">
    <cfRule type="duplicateValues" dxfId="80" priority="101"/>
  </conditionalFormatting>
  <conditionalFormatting sqref="D16">
    <cfRule type="duplicateValues" dxfId="79" priority="100"/>
  </conditionalFormatting>
  <conditionalFormatting sqref="D17">
    <cfRule type="duplicateValues" dxfId="78" priority="99"/>
  </conditionalFormatting>
  <conditionalFormatting sqref="D18">
    <cfRule type="duplicateValues" dxfId="77" priority="98"/>
  </conditionalFormatting>
  <conditionalFormatting sqref="C19">
    <cfRule type="duplicateValues" dxfId="76" priority="97"/>
  </conditionalFormatting>
  <conditionalFormatting sqref="D19">
    <cfRule type="duplicateValues" dxfId="75" priority="96"/>
  </conditionalFormatting>
  <conditionalFormatting sqref="D20">
    <cfRule type="duplicateValues" dxfId="74" priority="95"/>
  </conditionalFormatting>
  <conditionalFormatting sqref="C22">
    <cfRule type="duplicateValues" dxfId="73" priority="94"/>
  </conditionalFormatting>
  <conditionalFormatting sqref="D23">
    <cfRule type="duplicateValues" dxfId="72" priority="93"/>
  </conditionalFormatting>
  <conditionalFormatting sqref="C24">
    <cfRule type="duplicateValues" dxfId="71" priority="92"/>
  </conditionalFormatting>
  <conditionalFormatting sqref="D25">
    <cfRule type="duplicateValues" dxfId="70" priority="90" stopIfTrue="1"/>
    <cfRule type="duplicateValues" dxfId="69" priority="91" stopIfTrue="1"/>
  </conditionalFormatting>
  <conditionalFormatting sqref="D25">
    <cfRule type="duplicateValues" dxfId="68" priority="89" stopIfTrue="1"/>
  </conditionalFormatting>
  <conditionalFormatting sqref="D26">
    <cfRule type="duplicateValues" dxfId="67" priority="87" stopIfTrue="1"/>
    <cfRule type="duplicateValues" dxfId="66" priority="88" stopIfTrue="1"/>
  </conditionalFormatting>
  <conditionalFormatting sqref="D26">
    <cfRule type="duplicateValues" dxfId="65" priority="86" stopIfTrue="1"/>
  </conditionalFormatting>
  <conditionalFormatting sqref="C27">
    <cfRule type="duplicateValues" dxfId="64" priority="84" stopIfTrue="1"/>
    <cfRule type="duplicateValues" dxfId="63" priority="85" stopIfTrue="1"/>
  </conditionalFormatting>
  <conditionalFormatting sqref="C27">
    <cfRule type="duplicateValues" dxfId="62" priority="83" stopIfTrue="1"/>
  </conditionalFormatting>
  <conditionalFormatting sqref="D27">
    <cfRule type="duplicateValues" dxfId="61" priority="82"/>
  </conditionalFormatting>
  <conditionalFormatting sqref="D29">
    <cfRule type="duplicateValues" dxfId="60" priority="81"/>
  </conditionalFormatting>
  <conditionalFormatting sqref="D31">
    <cfRule type="duplicateValues" dxfId="59" priority="80"/>
  </conditionalFormatting>
  <conditionalFormatting sqref="D32">
    <cfRule type="duplicateValues" dxfId="58" priority="78" stopIfTrue="1"/>
    <cfRule type="duplicateValues" dxfId="57" priority="79" stopIfTrue="1"/>
  </conditionalFormatting>
  <conditionalFormatting sqref="D32">
    <cfRule type="duplicateValues" dxfId="56" priority="77" stopIfTrue="1"/>
  </conditionalFormatting>
  <conditionalFormatting sqref="C32">
    <cfRule type="duplicateValues" dxfId="55" priority="76"/>
  </conditionalFormatting>
  <conditionalFormatting sqref="G32">
    <cfRule type="duplicateValues" dxfId="54" priority="75"/>
  </conditionalFormatting>
  <conditionalFormatting sqref="H32">
    <cfRule type="duplicateValues" dxfId="53" priority="73" stopIfTrue="1"/>
    <cfRule type="duplicateValues" dxfId="52" priority="74" stopIfTrue="1"/>
  </conditionalFormatting>
  <conditionalFormatting sqref="H32">
    <cfRule type="duplicateValues" dxfId="51" priority="72" stopIfTrue="1"/>
  </conditionalFormatting>
  <conditionalFormatting sqref="L32">
    <cfRule type="duplicateValues" dxfId="50" priority="70"/>
  </conditionalFormatting>
  <conditionalFormatting sqref="C33">
    <cfRule type="duplicateValues" dxfId="49" priority="69"/>
  </conditionalFormatting>
  <conditionalFormatting sqref="D33">
    <cfRule type="duplicateValues" dxfId="48" priority="68"/>
  </conditionalFormatting>
  <conditionalFormatting sqref="H8">
    <cfRule type="duplicateValues" dxfId="47" priority="67"/>
  </conditionalFormatting>
  <conditionalFormatting sqref="G8">
    <cfRule type="duplicateValues" dxfId="46" priority="66"/>
  </conditionalFormatting>
  <conditionalFormatting sqref="L8">
    <cfRule type="duplicateValues" dxfId="45" priority="65"/>
  </conditionalFormatting>
  <conditionalFormatting sqref="G13">
    <cfRule type="duplicateValues" dxfId="44" priority="63" stopIfTrue="1"/>
  </conditionalFormatting>
  <conditionalFormatting sqref="G12">
    <cfRule type="duplicateValues" dxfId="43" priority="62" stopIfTrue="1"/>
  </conditionalFormatting>
  <conditionalFormatting sqref="G14">
    <cfRule type="duplicateValues" dxfId="42" priority="61" stopIfTrue="1"/>
  </conditionalFormatting>
  <conditionalFormatting sqref="H16">
    <cfRule type="duplicateValues" dxfId="41" priority="59"/>
  </conditionalFormatting>
  <conditionalFormatting sqref="H17">
    <cfRule type="duplicateValues" dxfId="40" priority="58"/>
  </conditionalFormatting>
  <conditionalFormatting sqref="H19">
    <cfRule type="duplicateValues" dxfId="39" priority="52"/>
  </conditionalFormatting>
  <conditionalFormatting sqref="K22">
    <cfRule type="duplicateValues" dxfId="38" priority="51" stopIfTrue="1"/>
  </conditionalFormatting>
  <conditionalFormatting sqref="K23">
    <cfRule type="duplicateValues" dxfId="37" priority="50" stopIfTrue="1"/>
  </conditionalFormatting>
  <conditionalFormatting sqref="G24">
    <cfRule type="duplicateValues" dxfId="36" priority="48" stopIfTrue="1"/>
    <cfRule type="duplicateValues" dxfId="35" priority="49" stopIfTrue="1"/>
  </conditionalFormatting>
  <conditionalFormatting sqref="G24">
    <cfRule type="duplicateValues" dxfId="34" priority="47" stopIfTrue="1"/>
  </conditionalFormatting>
  <conditionalFormatting sqref="G24">
    <cfRule type="duplicateValues" dxfId="33" priority="46"/>
  </conditionalFormatting>
  <conditionalFormatting sqref="K24">
    <cfRule type="duplicateValues" dxfId="32" priority="45"/>
  </conditionalFormatting>
  <conditionalFormatting sqref="H24">
    <cfRule type="duplicateValues" dxfId="31" priority="44"/>
  </conditionalFormatting>
  <conditionalFormatting sqref="L24">
    <cfRule type="duplicateValues" dxfId="30" priority="43"/>
  </conditionalFormatting>
  <conditionalFormatting sqref="K25">
    <cfRule type="duplicateValues" dxfId="29" priority="40" stopIfTrue="1"/>
  </conditionalFormatting>
  <conditionalFormatting sqref="G26">
    <cfRule type="duplicateValues" dxfId="28" priority="38"/>
  </conditionalFormatting>
  <conditionalFormatting sqref="H26">
    <cfRule type="duplicateValues" dxfId="27" priority="37"/>
  </conditionalFormatting>
  <conditionalFormatting sqref="G27">
    <cfRule type="duplicateValues" dxfId="26" priority="36"/>
  </conditionalFormatting>
  <conditionalFormatting sqref="L27">
    <cfRule type="duplicateValues" dxfId="25" priority="35"/>
  </conditionalFormatting>
  <conditionalFormatting sqref="H27">
    <cfRule type="duplicateValues" dxfId="24" priority="34"/>
  </conditionalFormatting>
  <conditionalFormatting sqref="K28">
    <cfRule type="duplicateValues" dxfId="23" priority="33" stopIfTrue="1"/>
  </conditionalFormatting>
  <conditionalFormatting sqref="H29">
    <cfRule type="duplicateValues" dxfId="22" priority="31"/>
  </conditionalFormatting>
  <conditionalFormatting sqref="L29">
    <cfRule type="duplicateValues" dxfId="21" priority="30"/>
  </conditionalFormatting>
  <conditionalFormatting sqref="P29">
    <cfRule type="duplicateValues" dxfId="20" priority="29"/>
  </conditionalFormatting>
  <conditionalFormatting sqref="P30">
    <cfRule type="duplicateValues" dxfId="19" priority="22"/>
  </conditionalFormatting>
  <conditionalFormatting sqref="K31">
    <cfRule type="duplicateValues" dxfId="18" priority="21" stopIfTrue="1"/>
  </conditionalFormatting>
  <conditionalFormatting sqref="H33">
    <cfRule type="duplicateValues" dxfId="17" priority="17" stopIfTrue="1"/>
    <cfRule type="duplicateValues" dxfId="16" priority="18" stopIfTrue="1"/>
  </conditionalFormatting>
  <conditionalFormatting sqref="H33">
    <cfRule type="duplicateValues" dxfId="15" priority="16" stopIfTrue="1"/>
  </conditionalFormatting>
  <conditionalFormatting sqref="L33">
    <cfRule type="duplicateValues" dxfId="14" priority="14" stopIfTrue="1"/>
    <cfRule type="duplicateValues" dxfId="13" priority="15" stopIfTrue="1"/>
  </conditionalFormatting>
  <conditionalFormatting sqref="L33">
    <cfRule type="duplicateValues" dxfId="12" priority="13" stopIfTrue="1"/>
  </conditionalFormatting>
  <conditionalFormatting sqref="G15">
    <cfRule type="duplicateValues" dxfId="11" priority="12"/>
  </conditionalFormatting>
  <conditionalFormatting sqref="C15">
    <cfRule type="duplicateValues" dxfId="10" priority="10" stopIfTrue="1"/>
    <cfRule type="duplicateValues" dxfId="9" priority="11" stopIfTrue="1"/>
  </conditionalFormatting>
  <conditionalFormatting sqref="C15">
    <cfRule type="duplicateValues" dxfId="8" priority="9" stopIfTrue="1"/>
  </conditionalFormatting>
  <conditionalFormatting sqref="H15">
    <cfRule type="duplicateValues" dxfId="6" priority="6" stopIfTrue="1"/>
    <cfRule type="duplicateValues" dxfId="5" priority="7" stopIfTrue="1"/>
  </conditionalFormatting>
  <conditionalFormatting sqref="H15">
    <cfRule type="duplicateValues" dxfId="4" priority="5" stopIfTrue="1"/>
  </conditionalFormatting>
  <conditionalFormatting sqref="H15">
    <cfRule type="duplicateValues" dxfId="3" priority="4"/>
  </conditionalFormatting>
  <conditionalFormatting sqref="D15">
    <cfRule type="duplicateValues" dxfId="2" priority="3"/>
  </conditionalFormatting>
  <conditionalFormatting sqref="C9">
    <cfRule type="duplicateValues" dxfId="1" priority="2"/>
  </conditionalFormatting>
  <conditionalFormatting sqref="D9">
    <cfRule type="duplicateValues" dxfId="0" priority="1"/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2021 Rookie Free-Agent Draft</vt:lpstr>
      <vt:lpstr>2021 Supplemental Draf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d</dc:creator>
  <cp:lastModifiedBy>Dennis C</cp:lastModifiedBy>
  <dcterms:created xsi:type="dcterms:W3CDTF">2004-01-12T03:50:34Z</dcterms:created>
  <dcterms:modified xsi:type="dcterms:W3CDTF">2022-09-10T01:18:42Z</dcterms:modified>
</cp:coreProperties>
</file>